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mc:AlternateContent xmlns:mc="http://schemas.openxmlformats.org/markup-compatibility/2006">
    <mc:Choice Requires="x15">
      <x15ac:absPath xmlns:x15ac="http://schemas.microsoft.com/office/spreadsheetml/2010/11/ac" url="C:\Users\s121048\Documents\100_★推進★\B0_含有化学物質報告書\010_報告書作成\"/>
    </mc:Choice>
  </mc:AlternateContent>
  <bookViews>
    <workbookView xWindow="0" yWindow="0" windowWidth="19200" windowHeight="11760" tabRatio="886"/>
  </bookViews>
  <sheets>
    <sheet name="Note" sheetId="57" r:id="rId1"/>
    <sheet name="A.RoHS" sheetId="32" r:id="rId2"/>
    <sheet name="B.Others" sheetId="46" r:id="rId3"/>
    <sheet name="A (appendix). RoHS" sheetId="53" r:id="rId4"/>
    <sheet name="B (appendix). Others" sheetId="37" r:id="rId5"/>
    <sheet name="Revision Point" sheetId="58" r:id="rId6"/>
    <sheet name="Reference Reg." sheetId="56" r:id="rId7"/>
  </sheets>
  <definedNames>
    <definedName name="_xlnm._FilterDatabase" localSheetId="3" hidden="1">'A (appendix). RoHS'!$A$1:$I$81</definedName>
    <definedName name="_xlnm._FilterDatabase" localSheetId="1" hidden="1">A.RoHS!$A$1:$G$65</definedName>
    <definedName name="_xlnm._FilterDatabase" localSheetId="4" hidden="1">'B (appendix). Others'!$A$1:$I$136</definedName>
    <definedName name="_xlnm.Print_Area" localSheetId="1">A.RoHS!$A$1:$G$59</definedName>
    <definedName name="_xlnm.Print_Area" localSheetId="4">'B (appendix). Others'!$A$1:$H$144</definedName>
    <definedName name="_xlnm.Print_Area" localSheetId="2">B.Others!$A$1:$G$128</definedName>
    <definedName name="_xlnm.Print_Area" localSheetId="0">Note!$A$1:$E$45</definedName>
    <definedName name="_xlnm.Print_Area" localSheetId="6">'Reference Reg.'!$A$1:$D$55</definedName>
    <definedName name="_xlnm.Print_Area" localSheetId="5">'Revision Point'!$A$1:$E$58</definedName>
    <definedName name="_xlnm.Print_Titles" localSheetId="3">'A (appendix). RoHS'!$1:$1</definedName>
    <definedName name="_xlnm.Print_Titles" localSheetId="1">A.RoHS!$1:$1</definedName>
    <definedName name="_xlnm.Print_Titles" localSheetId="4">'B (appendix). Others'!$1:$1</definedName>
    <definedName name="_xlnm.Print_Titles" localSheetId="2">B.Others!$1:$1</definedName>
  </definedNames>
  <calcPr calcId="152511"/>
</workbook>
</file>

<file path=xl/calcChain.xml><?xml version="1.0" encoding="utf-8"?>
<calcChain xmlns="http://schemas.openxmlformats.org/spreadsheetml/2006/main">
  <c r="G1" i="32" l="1"/>
  <c r="I1" i="53" s="1"/>
  <c r="H1" i="37" l="1"/>
  <c r="G1" i="46"/>
</calcChain>
</file>

<file path=xl/sharedStrings.xml><?xml version="1.0" encoding="utf-8"?>
<sst xmlns="http://schemas.openxmlformats.org/spreadsheetml/2006/main" count="1015" uniqueCount="643">
  <si>
    <t>To: SHARP Corporation</t>
    <phoneticPr fontId="5"/>
  </si>
  <si>
    <t>-</t>
    <phoneticPr fontId="5"/>
  </si>
  <si>
    <t>7(c)-II</t>
    <phoneticPr fontId="5"/>
  </si>
  <si>
    <t>7(c)-I</t>
    <phoneticPr fontId="5"/>
  </si>
  <si>
    <t>Boric acid</t>
  </si>
  <si>
    <t>Beryllium and its compound</t>
  </si>
  <si>
    <t>Azo colorants</t>
  </si>
  <si>
    <t>Polyvinyl Chloride and its copolymer</t>
  </si>
  <si>
    <t>Radioactive substances</t>
  </si>
  <si>
    <t>Fluorinated greenhouse gases (HFC, PFC, SF6)</t>
  </si>
  <si>
    <t>Formaldehyde</t>
  </si>
  <si>
    <t>Perchlorates</t>
  </si>
  <si>
    <t>Dioctyltin (DOT) compounds</t>
  </si>
  <si>
    <t>Chlorinated flame retardants</t>
  </si>
  <si>
    <t>Banned</t>
  </si>
  <si>
    <t>Usable</t>
  </si>
  <si>
    <t>No.</t>
  </si>
  <si>
    <t>Used less than 0.2% by weight in glass of fluorescent tubes.</t>
  </si>
  <si>
    <t>Using Beryllium oxide.</t>
  </si>
  <si>
    <t>Used in the other than the following (3).</t>
  </si>
  <si>
    <t xml:space="preserve">Used in the exception items. </t>
  </si>
  <si>
    <t>Used in the other than the above (1).</t>
  </si>
  <si>
    <t>Used other than the above (1).</t>
  </si>
  <si>
    <t>Using "Thorium" in the magnetron of a microwave oven.</t>
  </si>
  <si>
    <t>Using "Krypton 85" in the electric bulb for a LCD projector.</t>
  </si>
  <si>
    <t>Used in the other than the following (2).</t>
  </si>
  <si>
    <t xml:space="preserve">Use for the refrigerant and/or the thermal insulator (HFC only). </t>
  </si>
  <si>
    <t xml:space="preserve">Used in wooden parts. </t>
  </si>
  <si>
    <t>Contained less than 6ppb by weight per battery.</t>
  </si>
  <si>
    <t>Used in parts which continuously contact with human skin for a long time.</t>
  </si>
  <si>
    <t>Used in products for children 12 and under, containing lead exceeding 0.01wt% per armored part.</t>
  </si>
  <si>
    <t>Used in parts/material used in toys, containing lead above 0.009% per surface treatment layer such as coating.</t>
  </si>
  <si>
    <t>Used in solder for connecting semiconductor dies and carriers in flip chip IC packages.</t>
  </si>
  <si>
    <t>Used in dielectric ceramic used in a capacitor with rated voltage of 125V AC or 250V DC or larger.</t>
  </si>
  <si>
    <t>Used in cold cathode fluorescent lamps and external electrode fluorescent lamps (CCFL and EEFL) for special purposes (per lamp):</t>
  </si>
  <si>
    <t>Used in other discharge lamps for special purposes specified in of EU RoHS directive Annex III 4(f) (2011/65/EU).</t>
  </si>
  <si>
    <t>Used in every application other than the above (1). (Used in a part which does not continuously contact with human body)</t>
  </si>
  <si>
    <t>Used in packaging material and packaging part for Sharp product.</t>
  </si>
  <si>
    <t xml:space="preserve">Used in photoresists and antireflection coating for the photolithography process. </t>
  </si>
  <si>
    <t>Used in photo coating used in printing plates, film, and documents.</t>
  </si>
  <si>
    <t>Used in mist suppressants for hard chrome plating, and moistening agent used in equipment for plating.</t>
  </si>
  <si>
    <t>Contained above 6ppb by weight per battery. (Necessary to caution on operation manual)</t>
  </si>
  <si>
    <t>Used in the lamp of LCD projector. (Diarsenic trioxide)</t>
  </si>
  <si>
    <t>It is difficult to substitute, and a permission from the adoption decision department in Sharp was obtained.</t>
  </si>
  <si>
    <t>Used in products for children 12 and under or home furnishings covered with fiver.</t>
  </si>
  <si>
    <t>Diisobutyl phthalate (DIBP)</t>
  </si>
  <si>
    <t>Perfluorooctane sulfonate (PFOSs) *2)</t>
  </si>
  <si>
    <t>Perfluorooctanoic acid (PFOA) and its salts and esters of PFOA *3)</t>
  </si>
  <si>
    <t>[regulated by the Montreal Protocol (Class I and II)] *1)</t>
  </si>
  <si>
    <t>Polychlorinated biphenyls (PCBs) and specific substitutes</t>
  </si>
  <si>
    <t>Hexavalent chromium compound *2)</t>
  </si>
  <si>
    <t xml:space="preserve">Content is 1000ppm or less.  However, content is less than 3ppm of the dry weight of the leather in leather articles and parts coming into contact with the skin. </t>
  </si>
  <si>
    <t>Polybrominated biphenyls (PBBs)</t>
  </si>
  <si>
    <t>Content is 1000ppm or less.</t>
  </si>
  <si>
    <t>Polybrominated diphenyl ethers (PBDEs)</t>
  </si>
  <si>
    <t>Bis(2-ethylhexyl)phthalate (DEHP), Dibutyl phthalate (DBP), Bis(butylbenzyl) phthalate (BBP)</t>
  </si>
  <si>
    <t>Cadmium and its  compound *2)</t>
  </si>
  <si>
    <t>Content is 100ppm or less.  Regarding batteries, complying with the EU Battery Directive (2006/66/EC, 2013/56/EU).</t>
  </si>
  <si>
    <t>Lead and its compound *2)</t>
  </si>
  <si>
    <t>Mercury and its compound *2)</t>
  </si>
  <si>
    <t>Content is 1000ppm or less.  Regarding batteries, complying with the EU Battery Directive (2006/66/EC, 2013/56/EU).</t>
  </si>
  <si>
    <t>Tributyl Tin Oxide (TBTO)</t>
  </si>
  <si>
    <t>Content is 1000ppm or less.  Not intentionally added.</t>
  </si>
  <si>
    <t>Tri-substituted organostannic compounds</t>
  </si>
  <si>
    <t>Not intentionally added.</t>
  </si>
  <si>
    <t>Short chain chlorinated paraffin</t>
  </si>
  <si>
    <t>Not intentionally added. (Only C:10-13 are subject to the regulation.)</t>
  </si>
  <si>
    <t>Asbestos</t>
  </si>
  <si>
    <t>Polychlorinated Terphenyls (PCTs)</t>
  </si>
  <si>
    <t>Content is 50ppm or less.  Not intentionally added.</t>
  </si>
  <si>
    <t>Cobalt dichloride</t>
  </si>
  <si>
    <t>Dimethyl fumarate</t>
  </si>
  <si>
    <t>Content is 0.1ppm or less.  Not intentionally added.</t>
  </si>
  <si>
    <t>Refractory Ceramic Fibers, Aluminosilicate</t>
  </si>
  <si>
    <t>Refractory Ceramic Fibers, Zirconia Aluminosilicate</t>
  </si>
  <si>
    <t>Dibutyltin (DBT) compounds</t>
  </si>
  <si>
    <t>Content is 1000ppm or less by weight of tin in a material.</t>
  </si>
  <si>
    <t xml:space="preserve">Not intentionally added. </t>
  </si>
  <si>
    <t>Not intentionally added.  (Only battery is targeted by this survey. No response is necessary except battery)</t>
  </si>
  <si>
    <t>Not intentionally added, and content of coating agent is less than1μg/m2 and content of the others is 1000ppm or less.</t>
  </si>
  <si>
    <t>Ozone-depleting substances</t>
  </si>
  <si>
    <t xml:space="preserve">Not contained in part/materials. </t>
  </si>
  <si>
    <t>Disodium tetraborate, anhydrous, Tetraboron disodium heptaoxide, hydrate</t>
    <phoneticPr fontId="5"/>
  </si>
  <si>
    <t>Wood component: atmospheric concentration is 0.1ppm or less (by the chamber method).
Plastics/fibers: content is 75ppm or less.</t>
    <phoneticPr fontId="5"/>
  </si>
  <si>
    <t>Not used in the rinse process. (If the result in the item (2) is YES only, answer this item)
(Even if "Not used" is selected, that means you didn't use these substances to rinse process, describe rinse solution and method of the rinse process.)</t>
    <phoneticPr fontId="5"/>
  </si>
  <si>
    <r>
      <t>Rinse solution</t>
    </r>
    <r>
      <rPr>
        <sz val="9"/>
        <color theme="1"/>
        <rFont val="ＭＳ Ｐゴシック"/>
        <family val="2"/>
        <charset val="128"/>
      </rPr>
      <t>：</t>
    </r>
  </si>
  <si>
    <r>
      <t>Rinse method</t>
    </r>
    <r>
      <rPr>
        <sz val="9"/>
        <color theme="1"/>
        <rFont val="ＭＳ Ｐゴシック"/>
        <family val="2"/>
        <charset val="128"/>
      </rPr>
      <t>：</t>
    </r>
  </si>
  <si>
    <t>On EU Directive on Packaging etc., for packaging part and packaging material, the total concentration of these four heavy metals in part/material, ink and paint which constitute a package is100ppm or less each.</t>
    <phoneticPr fontId="5"/>
  </si>
  <si>
    <t>Unit for calculating content rate is homogeneous material if not otherwise specified.</t>
    <phoneticPr fontId="5"/>
  </si>
  <si>
    <t>As for "Perfluorooctane sulfonate (PFOSs) and its salt", Scoped substances CAS No. (1763-23-1, 307-35-7, 29457-72-5, 2795-39-3).</t>
    <phoneticPr fontId="5"/>
  </si>
  <si>
    <t>Total content of substances with following CAS No. (335-67-1, 3825-26-1, 335-95-5, 2395-00-8, 335-93-3, 335-66-0, 376-27-2, 3108-24-5).</t>
    <phoneticPr fontId="5"/>
  </si>
  <si>
    <t>Scoped substances CAS No. (50-32-8, 192-97-2, 56-55-3, 218-01-9, 205-99-2, 205-82-3, 207-08-9, 53-70-3).</t>
    <phoneticPr fontId="5"/>
  </si>
  <si>
    <t>Regarding Ozone-depleting substances, scoped substances are CFC, 1,1,1-trichloroethane, Carbon tetrachloride, Bromochloromethane, Halon, HBFC and HCFC.</t>
    <phoneticPr fontId="5"/>
  </si>
  <si>
    <t>Presence of banned substances in the product</t>
    <phoneticPr fontId="5"/>
  </si>
  <si>
    <t>Presence of banned substances depending on application</t>
    <phoneticPr fontId="5"/>
  </si>
  <si>
    <t>Ozone-depleting substances contained in the product or used in manufacturing</t>
    <phoneticPr fontId="5"/>
  </si>
  <si>
    <r>
      <t xml:space="preserve">&lt; </t>
    </r>
    <r>
      <rPr>
        <sz val="9"/>
        <color theme="1"/>
        <rFont val="ＭＳ Ｐゴシック"/>
        <family val="3"/>
        <charset val="128"/>
      </rPr>
      <t>前ページから／</t>
    </r>
    <r>
      <rPr>
        <sz val="9"/>
        <color theme="1"/>
        <rFont val="Arial"/>
        <family val="2"/>
      </rPr>
      <t>Continued from the previous page.&gt;</t>
    </r>
  </si>
  <si>
    <t>-</t>
  </si>
  <si>
    <t>8(b)</t>
  </si>
  <si>
    <t>7(a)</t>
  </si>
  <si>
    <t>5(b)</t>
  </si>
  <si>
    <t>6(a)</t>
  </si>
  <si>
    <t>6(b)</t>
  </si>
  <si>
    <t>6(c)</t>
  </si>
  <si>
    <t>13(a)</t>
  </si>
  <si>
    <t>3(a)</t>
  </si>
  <si>
    <t>3(b)</t>
  </si>
  <si>
    <t>3(c)</t>
  </si>
  <si>
    <t>4(e)</t>
  </si>
  <si>
    <t>4(f)</t>
  </si>
  <si>
    <t>Used in a direct human body contact part of a product which is intended to continuously contact with human body. _x000D_
 (e.g.: electric carpet, earphone, strap and etc.)</t>
  </si>
  <si>
    <r>
      <t>Used in a contact part with human body of a product (e.g.</t>
    </r>
    <r>
      <rPr>
        <sz val="9"/>
        <color theme="1"/>
        <rFont val="ＭＳ Ｐゴシック"/>
        <family val="3"/>
        <charset val="128"/>
      </rPr>
      <t>：</t>
    </r>
    <r>
      <rPr>
        <sz val="9"/>
        <color theme="1"/>
        <rFont val="Arial"/>
        <family val="2"/>
      </rPr>
      <t>electric carpet, earphone, strap and etc.) which is manufactured based on the premise that the product continuously contacts human body, and may produce carcinogenic amine over 30ppm when discomposed.</t>
    </r>
  </si>
  <si>
    <t>Used in the other than the following (2)-(3).</t>
    <phoneticPr fontId="5"/>
  </si>
  <si>
    <t>Used in the other than the following (2)-(4).</t>
    <phoneticPr fontId="5"/>
  </si>
  <si>
    <t>Used in the other than the above (1)-(2).</t>
    <phoneticPr fontId="5"/>
  </si>
  <si>
    <t>Used in high-melting point solder (lead-based alloys containing 85 % by weight or more lead).</t>
    <phoneticPr fontId="5"/>
  </si>
  <si>
    <t>7(c)-IV</t>
    <phoneticPr fontId="5"/>
  </si>
  <si>
    <t>Diisononyl Phthalate:DINP, Diisodecyl phthalate:DIDP or Di-n-octyl phthalate:DNOP is used in parts/materials that is used in products for children 12 and under (over 1000ppm in total).</t>
    <phoneticPr fontId="5"/>
  </si>
  <si>
    <t>Used for two-component room temperature vulcanisation moulding kits (RTV-2 moulding kits).</t>
    <phoneticPr fontId="5"/>
  </si>
  <si>
    <t xml:space="preserve">   The number of this column is that of an exempted application of EU RoHS directive Annex III (2011/65/EU) .</t>
    <phoneticPr fontId="5"/>
  </si>
  <si>
    <t xml:space="preserve"> A (appendix). RoHS </t>
  </si>
  <si>
    <t xml:space="preserve"> B (appendix). Others</t>
  </si>
  <si>
    <t>B.Others</t>
  </si>
  <si>
    <t>Hexabromocyclododecane (HBCDD)</t>
    <phoneticPr fontId="5"/>
  </si>
  <si>
    <t>Content is less than 1ppm regarding target  PAHs *4).</t>
  </si>
  <si>
    <t>&lt; Yes / No &gt;</t>
  </si>
  <si>
    <t>&lt; AnnexIII                  / AnnexIV &gt;</t>
  </si>
  <si>
    <r>
      <rPr>
        <sz val="11"/>
        <rFont val="ＭＳ Ｐゴシック"/>
        <family val="3"/>
        <charset val="128"/>
      </rPr>
      <t>確認結果／</t>
    </r>
    <r>
      <rPr>
        <sz val="9"/>
        <rFont val="Arial"/>
        <family val="2"/>
      </rPr>
      <t>Result</t>
    </r>
    <rPh sb="0" eb="2">
      <t>カクニン</t>
    </rPh>
    <rPh sb="2" eb="4">
      <t>ケッカ</t>
    </rPh>
    <phoneticPr fontId="5"/>
  </si>
  <si>
    <r>
      <rPr>
        <sz val="11"/>
        <color theme="1"/>
        <rFont val="ＭＳ Ｐゴシック"/>
        <family val="2"/>
        <charset val="128"/>
      </rPr>
      <t>フタル酸ジイソブチル（</t>
    </r>
    <r>
      <rPr>
        <sz val="11"/>
        <color theme="1"/>
        <rFont val="Arial"/>
        <family val="2"/>
      </rPr>
      <t>DIBP</t>
    </r>
    <r>
      <rPr>
        <sz val="11"/>
        <color theme="1"/>
        <rFont val="ＭＳ Ｐゴシック"/>
        <family val="2"/>
        <charset val="128"/>
      </rPr>
      <t>）／</t>
    </r>
    <phoneticPr fontId="5"/>
  </si>
  <si>
    <r>
      <rPr>
        <sz val="11"/>
        <color theme="1"/>
        <rFont val="ＭＳ Ｐゴシック"/>
        <family val="2"/>
        <charset val="128"/>
      </rPr>
      <t>フタル酸ジ（</t>
    </r>
    <r>
      <rPr>
        <sz val="11"/>
        <color theme="1"/>
        <rFont val="Arial"/>
        <family val="2"/>
      </rPr>
      <t>2-</t>
    </r>
    <r>
      <rPr>
        <sz val="11"/>
        <color theme="1"/>
        <rFont val="ＭＳ Ｐゴシック"/>
        <family val="2"/>
        <charset val="128"/>
      </rPr>
      <t>エチルヘキシル）（</t>
    </r>
    <r>
      <rPr>
        <sz val="11"/>
        <color theme="1"/>
        <rFont val="Arial"/>
        <family val="2"/>
      </rPr>
      <t>DEHP</t>
    </r>
    <r>
      <rPr>
        <sz val="11"/>
        <color theme="1"/>
        <rFont val="ＭＳ Ｐゴシック"/>
        <family val="2"/>
        <charset val="128"/>
      </rPr>
      <t>）、フタル酸ジブチル（</t>
    </r>
    <r>
      <rPr>
        <sz val="11"/>
        <color theme="1"/>
        <rFont val="Arial"/>
        <family val="2"/>
      </rPr>
      <t>DBP</t>
    </r>
    <r>
      <rPr>
        <sz val="11"/>
        <color theme="1"/>
        <rFont val="ＭＳ Ｐゴシック"/>
        <family val="2"/>
        <charset val="128"/>
      </rPr>
      <t>）、フタル酸ブチルベンジル（</t>
    </r>
    <r>
      <rPr>
        <sz val="11"/>
        <color theme="1"/>
        <rFont val="Arial"/>
        <family val="2"/>
      </rPr>
      <t>BBP</t>
    </r>
    <r>
      <rPr>
        <sz val="11"/>
        <color theme="1"/>
        <rFont val="ＭＳ Ｐゴシック"/>
        <family val="2"/>
        <charset val="128"/>
      </rPr>
      <t>）／</t>
    </r>
    <phoneticPr fontId="5"/>
  </si>
  <si>
    <r>
      <rPr>
        <sz val="11"/>
        <color theme="1"/>
        <rFont val="ＭＳ Ｐゴシック"/>
        <family val="2"/>
        <charset val="128"/>
      </rPr>
      <t>カドミウム及びその化合物／</t>
    </r>
    <phoneticPr fontId="5"/>
  </si>
  <si>
    <r>
      <rPr>
        <sz val="11"/>
        <color theme="1"/>
        <rFont val="ＭＳ Ｐゴシック"/>
        <family val="2"/>
        <charset val="128"/>
      </rPr>
      <t>ポリ塩化ビフェニル類（</t>
    </r>
    <r>
      <rPr>
        <sz val="11"/>
        <color theme="1"/>
        <rFont val="Arial"/>
        <family val="2"/>
      </rPr>
      <t>PCB</t>
    </r>
    <r>
      <rPr>
        <sz val="11"/>
        <color theme="1"/>
        <rFont val="ＭＳ Ｐゴシック"/>
        <family val="2"/>
        <charset val="128"/>
      </rPr>
      <t>類）、及び特定代替物質／</t>
    </r>
    <phoneticPr fontId="5"/>
  </si>
  <si>
    <r>
      <rPr>
        <sz val="11"/>
        <color theme="1"/>
        <rFont val="ＭＳ Ｐゴシック"/>
        <family val="2"/>
        <charset val="128"/>
      </rPr>
      <t>意図的に添加していない／</t>
    </r>
    <phoneticPr fontId="5"/>
  </si>
  <si>
    <r>
      <rPr>
        <sz val="11"/>
        <color theme="1"/>
        <rFont val="ＭＳ Ｐゴシック"/>
        <family val="2"/>
        <charset val="128"/>
      </rPr>
      <t>意図的に添加していない（</t>
    </r>
    <r>
      <rPr>
        <sz val="11"/>
        <color theme="1"/>
        <rFont val="Arial"/>
        <family val="2"/>
      </rPr>
      <t>C</t>
    </r>
    <r>
      <rPr>
        <sz val="11"/>
        <color theme="1"/>
        <rFont val="ＭＳ Ｐゴシック"/>
        <family val="2"/>
        <charset val="128"/>
      </rPr>
      <t>：</t>
    </r>
    <r>
      <rPr>
        <sz val="11"/>
        <color theme="1"/>
        <rFont val="Arial"/>
        <family val="2"/>
      </rPr>
      <t>10</t>
    </r>
    <r>
      <rPr>
        <sz val="11"/>
        <color theme="1"/>
        <rFont val="ＭＳ Ｐゴシック"/>
        <family val="2"/>
        <charset val="128"/>
      </rPr>
      <t>～</t>
    </r>
    <r>
      <rPr>
        <sz val="11"/>
        <color theme="1"/>
        <rFont val="Arial"/>
        <family val="2"/>
      </rPr>
      <t>13</t>
    </r>
    <r>
      <rPr>
        <sz val="11"/>
        <color theme="1"/>
        <rFont val="ＭＳ Ｐゴシック"/>
        <family val="2"/>
        <charset val="128"/>
      </rPr>
      <t>のみが対象）／</t>
    </r>
    <phoneticPr fontId="5"/>
  </si>
  <si>
    <r>
      <rPr>
        <sz val="11"/>
        <color theme="1"/>
        <rFont val="ＭＳ Ｐゴシック"/>
        <family val="2"/>
        <charset val="128"/>
      </rPr>
      <t>ポリ塩化ターフェニル類</t>
    </r>
    <r>
      <rPr>
        <sz val="11"/>
        <color theme="1"/>
        <rFont val="Arial"/>
        <family val="2"/>
      </rPr>
      <t xml:space="preserve"> </t>
    </r>
    <r>
      <rPr>
        <sz val="11"/>
        <color theme="1"/>
        <rFont val="ＭＳ Ｐゴシック"/>
        <family val="2"/>
        <charset val="128"/>
      </rPr>
      <t>（</t>
    </r>
    <r>
      <rPr>
        <sz val="11"/>
        <color theme="1"/>
        <rFont val="Arial"/>
        <family val="2"/>
      </rPr>
      <t>PCT</t>
    </r>
    <r>
      <rPr>
        <sz val="11"/>
        <color theme="1"/>
        <rFont val="ＭＳ Ｐゴシック"/>
        <family val="2"/>
        <charset val="128"/>
      </rPr>
      <t>類）／</t>
    </r>
    <phoneticPr fontId="5"/>
  </si>
  <si>
    <r>
      <rPr>
        <sz val="11"/>
        <color theme="1"/>
        <rFont val="ＭＳ Ｐゴシック"/>
        <family val="2"/>
        <charset val="128"/>
      </rPr>
      <t>意図的に添加せず、かつ</t>
    </r>
    <r>
      <rPr>
        <sz val="11"/>
        <color theme="1"/>
        <rFont val="Arial"/>
        <family val="2"/>
      </rPr>
      <t>50ppm</t>
    </r>
    <r>
      <rPr>
        <sz val="11"/>
        <color theme="1"/>
        <rFont val="ＭＳ Ｐゴシック"/>
        <family val="2"/>
        <charset val="128"/>
      </rPr>
      <t>以下の含有である／</t>
    </r>
    <phoneticPr fontId="5"/>
  </si>
  <si>
    <r>
      <t>2-</t>
    </r>
    <r>
      <rPr>
        <sz val="11"/>
        <color theme="1"/>
        <rFont val="ＭＳ Ｐゴシック"/>
        <family val="2"/>
        <charset val="128"/>
      </rPr>
      <t>（</t>
    </r>
    <r>
      <rPr>
        <sz val="11"/>
        <color theme="1"/>
        <rFont val="Arial"/>
        <family val="2"/>
      </rPr>
      <t>2H-1,2,3-</t>
    </r>
    <r>
      <rPr>
        <sz val="11"/>
        <color theme="1"/>
        <rFont val="ＭＳ Ｐゴシック"/>
        <family val="2"/>
        <charset val="128"/>
      </rPr>
      <t>ベンゾ</t>
    </r>
    <r>
      <rPr>
        <sz val="11"/>
        <color theme="1"/>
        <rFont val="Arial"/>
        <family val="2"/>
      </rPr>
      <t xml:space="preserve"> </t>
    </r>
    <r>
      <rPr>
        <sz val="11"/>
        <color theme="1"/>
        <rFont val="ＭＳ Ｐゴシック"/>
        <family val="2"/>
        <charset val="128"/>
      </rPr>
      <t>トリアゾール</t>
    </r>
    <r>
      <rPr>
        <sz val="11"/>
        <color theme="1"/>
        <rFont val="Arial"/>
        <family val="2"/>
      </rPr>
      <t>-2-</t>
    </r>
    <r>
      <rPr>
        <sz val="11"/>
        <color theme="1"/>
        <rFont val="ＭＳ Ｐゴシック"/>
        <family val="2"/>
        <charset val="128"/>
      </rPr>
      <t>イル）</t>
    </r>
    <r>
      <rPr>
        <sz val="11"/>
        <color theme="1"/>
        <rFont val="Arial"/>
        <family val="2"/>
      </rPr>
      <t>-4,6-</t>
    </r>
    <r>
      <rPr>
        <sz val="11"/>
        <color theme="1"/>
        <rFont val="ＭＳ Ｐゴシック"/>
        <family val="2"/>
        <charset val="128"/>
      </rPr>
      <t>ジ</t>
    </r>
    <r>
      <rPr>
        <sz val="11"/>
        <color theme="1"/>
        <rFont val="Arial"/>
        <family val="2"/>
      </rPr>
      <t>-tert-</t>
    </r>
    <r>
      <rPr>
        <sz val="11"/>
        <color theme="1"/>
        <rFont val="ＭＳ Ｐゴシック"/>
        <family val="2"/>
        <charset val="128"/>
      </rPr>
      <t>ブチルフェノール／</t>
    </r>
    <phoneticPr fontId="5"/>
  </si>
  <si>
    <r>
      <rPr>
        <sz val="11"/>
        <color theme="1"/>
        <rFont val="ＭＳ Ｐゴシック"/>
        <family val="2"/>
        <charset val="128"/>
      </rPr>
      <t>アゾ染料・顔料／</t>
    </r>
    <phoneticPr fontId="5"/>
  </si>
  <si>
    <r>
      <rPr>
        <sz val="11"/>
        <color theme="1"/>
        <rFont val="ＭＳ Ｐゴシック"/>
        <family val="2"/>
        <charset val="128"/>
      </rPr>
      <t>ポリ塩化ビニル及びそのコポリマー／</t>
    </r>
    <phoneticPr fontId="5"/>
  </si>
  <si>
    <r>
      <t>RoHS</t>
    </r>
    <r>
      <rPr>
        <sz val="11"/>
        <color theme="1"/>
        <rFont val="ＭＳ Ｐゴシック"/>
        <family val="2"/>
        <charset val="128"/>
      </rPr>
      <t>関連のフタル酸エステル</t>
    </r>
    <r>
      <rPr>
        <sz val="11"/>
        <color theme="1"/>
        <rFont val="Arial"/>
        <family val="2"/>
      </rPr>
      <t>4</t>
    </r>
    <r>
      <rPr>
        <sz val="11"/>
        <color theme="1"/>
        <rFont val="ＭＳ Ｐゴシック"/>
        <family val="2"/>
        <charset val="128"/>
      </rPr>
      <t>物質以外のフタル酸エステル類／</t>
    </r>
    <phoneticPr fontId="5"/>
  </si>
  <si>
    <r>
      <rPr>
        <sz val="11"/>
        <rFont val="ＭＳ Ｐゴシック"/>
        <family val="3"/>
        <charset val="128"/>
      </rPr>
      <t>下記以外のフタル酸エステル類が、</t>
    </r>
    <r>
      <rPr>
        <sz val="11"/>
        <rFont val="Arial"/>
        <family val="2"/>
      </rPr>
      <t>1000ppm</t>
    </r>
    <r>
      <rPr>
        <sz val="11"/>
        <rFont val="ＭＳ Ｐゴシック"/>
        <family val="2"/>
        <charset val="128"/>
      </rPr>
      <t>以下の含有である。
フタル酸ジ（</t>
    </r>
    <r>
      <rPr>
        <sz val="11"/>
        <rFont val="Arial"/>
        <family val="2"/>
      </rPr>
      <t>2-</t>
    </r>
    <r>
      <rPr>
        <sz val="11"/>
        <rFont val="ＭＳ Ｐゴシック"/>
        <family val="2"/>
        <charset val="128"/>
      </rPr>
      <t>エチルヘキシル）：</t>
    </r>
    <r>
      <rPr>
        <sz val="11"/>
        <rFont val="Arial"/>
        <family val="2"/>
      </rPr>
      <t>DEHP</t>
    </r>
    <r>
      <rPr>
        <sz val="11"/>
        <rFont val="ＭＳ Ｐゴシック"/>
        <family val="2"/>
        <charset val="128"/>
      </rPr>
      <t>、フタル酸ジブチル：</t>
    </r>
    <r>
      <rPr>
        <sz val="11"/>
        <rFont val="Arial"/>
        <family val="2"/>
      </rPr>
      <t>DBP</t>
    </r>
    <r>
      <rPr>
        <sz val="11"/>
        <rFont val="ＭＳ Ｐゴシック"/>
        <family val="2"/>
        <charset val="128"/>
      </rPr>
      <t>、フタル酸ブチルベンジル：</t>
    </r>
    <r>
      <rPr>
        <sz val="11"/>
        <rFont val="Arial"/>
        <family val="2"/>
      </rPr>
      <t>BBP</t>
    </r>
    <r>
      <rPr>
        <sz val="11"/>
        <rFont val="ＭＳ Ｐゴシック"/>
        <family val="2"/>
        <charset val="128"/>
      </rPr>
      <t>、フタル酸ジイソブチル：</t>
    </r>
    <r>
      <rPr>
        <sz val="11"/>
        <rFont val="Arial"/>
        <family val="2"/>
      </rPr>
      <t>DIBP</t>
    </r>
    <rPh sb="0" eb="2">
      <t>カキ</t>
    </rPh>
    <rPh sb="2" eb="4">
      <t>イガイ</t>
    </rPh>
    <rPh sb="8" eb="9">
      <t>サン</t>
    </rPh>
    <rPh sb="13" eb="14">
      <t>ルイ</t>
    </rPh>
    <phoneticPr fontId="6"/>
  </si>
  <si>
    <r>
      <rPr>
        <sz val="11"/>
        <color theme="1"/>
        <rFont val="ＭＳ Ｐゴシック"/>
        <family val="2"/>
        <charset val="128"/>
      </rPr>
      <t>放射性物質／</t>
    </r>
    <phoneticPr fontId="5"/>
  </si>
  <si>
    <r>
      <rPr>
        <sz val="11"/>
        <color theme="1"/>
        <rFont val="ＭＳ Ｐゴシック"/>
        <family val="2"/>
        <charset val="128"/>
      </rPr>
      <t>パーフルオロオクタンスルホン酸塩（</t>
    </r>
    <r>
      <rPr>
        <sz val="11"/>
        <color theme="1"/>
        <rFont val="Arial"/>
        <family val="2"/>
      </rPr>
      <t>PFOS</t>
    </r>
    <r>
      <rPr>
        <sz val="11"/>
        <color theme="1"/>
        <rFont val="ＭＳ Ｐゴシック"/>
        <family val="2"/>
        <charset val="128"/>
      </rPr>
      <t>）／</t>
    </r>
    <phoneticPr fontId="5"/>
  </si>
  <si>
    <r>
      <rPr>
        <sz val="11"/>
        <color theme="1"/>
        <rFont val="ＭＳ Ｐゴシック"/>
        <family val="2"/>
        <charset val="128"/>
      </rPr>
      <t>ホルムアルデヒド／</t>
    </r>
    <phoneticPr fontId="5"/>
  </si>
  <si>
    <r>
      <rPr>
        <sz val="11"/>
        <color theme="1"/>
        <rFont val="ＭＳ Ｐゴシック"/>
        <family val="2"/>
        <charset val="128"/>
      </rPr>
      <t>化学物質名／</t>
    </r>
    <r>
      <rPr>
        <sz val="11"/>
        <color theme="1"/>
        <rFont val="Arial"/>
        <family val="2"/>
      </rPr>
      <t>Substances</t>
    </r>
  </si>
  <si>
    <r>
      <rPr>
        <sz val="11"/>
        <color theme="1"/>
        <rFont val="ＭＳ Ｐゴシック"/>
        <family val="2"/>
        <charset val="128"/>
      </rPr>
      <t>確認内容（判定基準）／</t>
    </r>
    <r>
      <rPr>
        <sz val="11"/>
        <color theme="1"/>
        <rFont val="Arial"/>
        <family val="2"/>
      </rPr>
      <t xml:space="preserve">Check point (Criteria) *1) </t>
    </r>
  </si>
  <si>
    <r>
      <rPr>
        <sz val="11"/>
        <rFont val="ＭＳ Ｐゴシック"/>
        <family val="3"/>
        <charset val="128"/>
      </rPr>
      <t>確認結果／</t>
    </r>
    <r>
      <rPr>
        <sz val="11"/>
        <rFont val="Arial"/>
        <family val="2"/>
      </rPr>
      <t>Result</t>
    </r>
    <rPh sb="0" eb="2">
      <t>カクニン</t>
    </rPh>
    <rPh sb="2" eb="4">
      <t>ケッカ</t>
    </rPh>
    <phoneticPr fontId="5"/>
  </si>
  <si>
    <r>
      <rPr>
        <sz val="11"/>
        <color theme="1"/>
        <rFont val="ＭＳ Ｐゴシック"/>
        <family val="2"/>
        <charset val="128"/>
      </rPr>
      <t>（モントリオール議定書</t>
    </r>
    <r>
      <rPr>
        <sz val="11"/>
        <color theme="1"/>
        <rFont val="Arial"/>
        <family val="2"/>
      </rPr>
      <t>Class I, II</t>
    </r>
    <r>
      <rPr>
        <sz val="11"/>
        <color theme="1"/>
        <rFont val="ＭＳ Ｐゴシック"/>
        <family val="2"/>
        <charset val="128"/>
      </rPr>
      <t>が対象）／</t>
    </r>
    <phoneticPr fontId="5"/>
  </si>
  <si>
    <r>
      <t>(2)</t>
    </r>
    <r>
      <rPr>
        <sz val="11"/>
        <color theme="1"/>
        <rFont val="ＭＳ Ｐゴシック"/>
        <family val="2"/>
        <charset val="128"/>
      </rPr>
      <t>製品に回路基板を使用している／</t>
    </r>
    <phoneticPr fontId="5"/>
  </si>
  <si>
    <r>
      <rPr>
        <sz val="11"/>
        <color theme="1"/>
        <rFont val="ＭＳ Ｐゴシック"/>
        <family val="2"/>
        <charset val="128"/>
      </rPr>
      <t>洗浄液：／</t>
    </r>
    <phoneticPr fontId="5"/>
  </si>
  <si>
    <r>
      <t xml:space="preserve">*1) </t>
    </r>
    <r>
      <rPr>
        <sz val="9"/>
        <color theme="1"/>
        <rFont val="ＭＳ Ｐゴシック"/>
        <family val="3"/>
        <charset val="128"/>
      </rPr>
      <t>オゾン層破壊物質については、</t>
    </r>
    <r>
      <rPr>
        <sz val="9"/>
        <color theme="1"/>
        <rFont val="Arial"/>
        <family val="2"/>
      </rPr>
      <t>CFC</t>
    </r>
    <r>
      <rPr>
        <sz val="9"/>
        <color theme="1"/>
        <rFont val="ＭＳ Ｐゴシック"/>
        <family val="3"/>
        <charset val="128"/>
      </rPr>
      <t>、</t>
    </r>
    <r>
      <rPr>
        <sz val="9"/>
        <color theme="1"/>
        <rFont val="Arial"/>
        <family val="2"/>
      </rPr>
      <t>1,1,1-</t>
    </r>
    <r>
      <rPr>
        <sz val="9"/>
        <color theme="1"/>
        <rFont val="ＭＳ Ｐゴシック"/>
        <family val="3"/>
        <charset val="128"/>
      </rPr>
      <t>トリクロロエタン、四塩化炭素、臭化メチル、ブロモクロロメタン、ハロン、</t>
    </r>
    <r>
      <rPr>
        <sz val="9"/>
        <color theme="1"/>
        <rFont val="Arial"/>
        <family val="2"/>
      </rPr>
      <t>HBFC</t>
    </r>
    <r>
      <rPr>
        <sz val="9"/>
        <color theme="1"/>
        <rFont val="ＭＳ Ｐゴシック"/>
        <family val="3"/>
        <charset val="128"/>
      </rPr>
      <t>、及び</t>
    </r>
    <r>
      <rPr>
        <sz val="9"/>
        <color theme="1"/>
        <rFont val="Arial"/>
        <family val="2"/>
      </rPr>
      <t>HCFC</t>
    </r>
    <r>
      <rPr>
        <sz val="9"/>
        <color theme="1"/>
        <rFont val="ＭＳ Ｐゴシック"/>
        <family val="3"/>
        <charset val="128"/>
      </rPr>
      <t>が対象／</t>
    </r>
    <phoneticPr fontId="5"/>
  </si>
  <si>
    <r>
      <rPr>
        <sz val="11"/>
        <rFont val="ＭＳ Ｐゴシック"/>
        <family val="3"/>
        <charset val="128"/>
      </rPr>
      <t>作成者／</t>
    </r>
    <r>
      <rPr>
        <sz val="9"/>
        <rFont val="Arial"/>
        <family val="2"/>
      </rPr>
      <t>Writer</t>
    </r>
    <phoneticPr fontId="5"/>
  </si>
  <si>
    <r>
      <rPr>
        <sz val="11"/>
        <rFont val="ＭＳ Ｐゴシック"/>
        <family val="3"/>
        <charset val="128"/>
      </rPr>
      <t>責任者／</t>
    </r>
    <r>
      <rPr>
        <sz val="9"/>
        <rFont val="Arial"/>
        <family val="2"/>
      </rPr>
      <t>Responsible Person</t>
    </r>
    <phoneticPr fontId="5"/>
  </si>
  <si>
    <r>
      <rPr>
        <sz val="11"/>
        <rFont val="ＭＳ Ｐゴシック"/>
        <family val="3"/>
        <charset val="128"/>
      </rPr>
      <t>　</t>
    </r>
  </si>
  <si>
    <r>
      <rPr>
        <sz val="11"/>
        <rFont val="ＭＳ Ｐゴシック"/>
        <family val="3"/>
        <charset val="128"/>
      </rPr>
      <t xml:space="preserve">確認結果／
</t>
    </r>
    <r>
      <rPr>
        <sz val="9"/>
        <rFont val="Arial"/>
        <family val="2"/>
      </rPr>
      <t>Result</t>
    </r>
    <rPh sb="0" eb="2">
      <t>カクニン</t>
    </rPh>
    <phoneticPr fontId="5"/>
  </si>
  <si>
    <r>
      <rPr>
        <sz val="11"/>
        <color theme="1"/>
        <rFont val="ＭＳ Ｐゴシック"/>
        <family val="2"/>
        <charset val="128"/>
      </rPr>
      <t xml:space="preserve">化学物質名／
</t>
    </r>
    <r>
      <rPr>
        <sz val="9"/>
        <color theme="1"/>
        <rFont val="Arial"/>
        <family val="2"/>
      </rPr>
      <t>Substances</t>
    </r>
    <phoneticPr fontId="5"/>
  </si>
  <si>
    <r>
      <t>B2-</t>
    </r>
    <r>
      <rPr>
        <b/>
        <sz val="12"/>
        <color theme="1"/>
        <rFont val="ＭＳ Ｐゴシック"/>
        <family val="3"/>
        <charset val="128"/>
      </rPr>
      <t>別表／</t>
    </r>
    <r>
      <rPr>
        <b/>
        <sz val="9"/>
        <color theme="1"/>
        <rFont val="Arial"/>
        <family val="2"/>
      </rPr>
      <t>B2-Appendix</t>
    </r>
    <phoneticPr fontId="5"/>
  </si>
  <si>
    <r>
      <rPr>
        <b/>
        <sz val="11"/>
        <color theme="0"/>
        <rFont val="ＭＳ Ｐゴシック"/>
        <family val="3"/>
        <charset val="128"/>
      </rPr>
      <t>使用禁止／</t>
    </r>
  </si>
  <si>
    <r>
      <rPr>
        <sz val="11"/>
        <color theme="1"/>
        <rFont val="ＭＳ Ｐゴシック"/>
        <family val="3"/>
        <charset val="128"/>
      </rPr>
      <t>使用可／</t>
    </r>
  </si>
  <si>
    <r>
      <rPr>
        <sz val="11"/>
        <color theme="1"/>
        <rFont val="ＭＳ Ｐゴシック"/>
        <family val="3"/>
        <charset val="128"/>
      </rPr>
      <t>液晶プロジェクターの電球にクリプトン</t>
    </r>
    <r>
      <rPr>
        <sz val="11"/>
        <color theme="1"/>
        <rFont val="Arial"/>
        <family val="2"/>
      </rPr>
      <t>85</t>
    </r>
    <r>
      <rPr>
        <sz val="11"/>
        <color theme="1"/>
        <rFont val="ＭＳ Ｐゴシック"/>
        <family val="3"/>
        <charset val="128"/>
      </rPr>
      <t>が使用されている／</t>
    </r>
    <phoneticPr fontId="5"/>
  </si>
  <si>
    <r>
      <rPr>
        <sz val="11"/>
        <color theme="1"/>
        <rFont val="ＭＳ Ｐゴシック"/>
        <family val="3"/>
        <charset val="128"/>
      </rPr>
      <t>フォトレジストあるいはフォト工程での反射防止コートに使用されている／</t>
    </r>
    <phoneticPr fontId="5"/>
  </si>
  <si>
    <r>
      <rPr>
        <sz val="11"/>
        <color theme="1"/>
        <rFont val="ＭＳ Ｐゴシック"/>
        <family val="3"/>
        <charset val="128"/>
      </rPr>
      <t>フイルム、紙、あるいは、印刷版に用いるフォト用コートに使用されている／</t>
    </r>
    <phoneticPr fontId="5"/>
  </si>
  <si>
    <r>
      <rPr>
        <sz val="11"/>
        <color theme="1"/>
        <rFont val="ＭＳ Ｐゴシック"/>
        <family val="3"/>
        <charset val="128"/>
      </rPr>
      <t>人体に持続的に触れられることを前提に作られた製品（例：電気カーペット・イヤホン・ストラップ等）の人体接触部分に使用されている／</t>
    </r>
    <phoneticPr fontId="5"/>
  </si>
  <si>
    <r>
      <rPr>
        <sz val="10"/>
        <color theme="1"/>
        <rFont val="ＭＳ Ｐゴシック"/>
        <family val="3"/>
        <charset val="128"/>
      </rPr>
      <t>本報告書は以下のシートで構成されています：</t>
    </r>
  </si>
  <si>
    <r>
      <t xml:space="preserve"> </t>
    </r>
    <r>
      <rPr>
        <sz val="10"/>
        <color theme="1"/>
        <rFont val="ＭＳ Ｐゴシック"/>
        <family val="3"/>
        <charset val="128"/>
      </rPr>
      <t>シート</t>
    </r>
  </si>
  <si>
    <r>
      <t xml:space="preserve"> </t>
    </r>
    <r>
      <rPr>
        <sz val="10"/>
        <color theme="1"/>
        <rFont val="ＭＳ Ｐゴシック"/>
        <family val="3"/>
        <charset val="128"/>
      </rPr>
      <t>内容</t>
    </r>
  </si>
  <si>
    <r>
      <t xml:space="preserve"> A1. </t>
    </r>
    <r>
      <rPr>
        <sz val="10"/>
        <color theme="1"/>
        <rFont val="ＭＳ Ｐゴシック"/>
        <family val="3"/>
        <charset val="128"/>
      </rPr>
      <t>全面的に使用を禁止する化学物質の製品への含有について</t>
    </r>
  </si>
  <si>
    <r>
      <t xml:space="preserve"> A2. </t>
    </r>
    <r>
      <rPr>
        <sz val="10"/>
        <color theme="1"/>
        <rFont val="ＭＳ Ｐゴシック"/>
        <family val="3"/>
        <charset val="128"/>
      </rPr>
      <t>条件により使用を禁止する化学物質の製品への含有について</t>
    </r>
  </si>
  <si>
    <r>
      <t xml:space="preserve"> B1. </t>
    </r>
    <r>
      <rPr>
        <sz val="10"/>
        <color theme="1"/>
        <rFont val="ＭＳ Ｐゴシック"/>
        <family val="3"/>
        <charset val="128"/>
      </rPr>
      <t>全面的に使用を禁止する化学物質の製品への含有について</t>
    </r>
  </si>
  <si>
    <r>
      <t xml:space="preserve"> B2. </t>
    </r>
    <r>
      <rPr>
        <sz val="10"/>
        <color theme="1"/>
        <rFont val="ＭＳ Ｐゴシック"/>
        <family val="3"/>
        <charset val="128"/>
      </rPr>
      <t>条件により使用を禁止する化学物質の製品への含有について</t>
    </r>
  </si>
  <si>
    <r>
      <t xml:space="preserve"> B3. </t>
    </r>
    <r>
      <rPr>
        <sz val="10"/>
        <color theme="1"/>
        <rFont val="ＭＳ Ｐゴシック"/>
        <family val="3"/>
        <charset val="128"/>
      </rPr>
      <t>オゾン層破壊物質の製品への含有及び製造工程での使用有無について</t>
    </r>
  </si>
  <si>
    <r>
      <t xml:space="preserve"> A2-</t>
    </r>
    <r>
      <rPr>
        <sz val="10"/>
        <color theme="1"/>
        <rFont val="ＭＳ Ｐゴシック"/>
        <family val="3"/>
        <charset val="128"/>
      </rPr>
      <t>別表</t>
    </r>
  </si>
  <si>
    <r>
      <t xml:space="preserve"> B2-</t>
    </r>
    <r>
      <rPr>
        <sz val="10"/>
        <color theme="1"/>
        <rFont val="ＭＳ Ｐゴシック"/>
        <family val="3"/>
        <charset val="128"/>
      </rPr>
      <t>別表</t>
    </r>
  </si>
  <si>
    <r>
      <rPr>
        <sz val="10"/>
        <color theme="1"/>
        <rFont val="ＭＳ Ｐゴシック"/>
        <family val="3"/>
        <charset val="128"/>
      </rPr>
      <t>［日本語での入力（記入）で構いません］</t>
    </r>
  </si>
  <si>
    <r>
      <rPr>
        <sz val="10"/>
        <color theme="1"/>
        <rFont val="ＭＳ Ｐゴシック"/>
        <family val="3"/>
        <charset val="128"/>
      </rPr>
      <t>直接本エクセルシートに入力いただく場合、</t>
    </r>
  </si>
  <si>
    <r>
      <rPr>
        <sz val="10"/>
        <color theme="1"/>
        <rFont val="ＭＳ Ｐゴシック"/>
        <family val="3"/>
        <charset val="128"/>
      </rPr>
      <t>表示されるリストより結果を選択してください。</t>
    </r>
  </si>
  <si>
    <r>
      <rPr>
        <sz val="10"/>
        <color theme="1"/>
        <rFont val="ＭＳ Ｐゴシック"/>
        <family val="3"/>
        <charset val="128"/>
      </rPr>
      <t>報告書への入力（記載）内容に変更が生じた場合は、</t>
    </r>
  </si>
  <si>
    <r>
      <rPr>
        <sz val="10"/>
        <color theme="1"/>
        <rFont val="ＭＳ Ｐゴシック"/>
        <family val="3"/>
        <charset val="128"/>
      </rPr>
      <t>速やかに変更した報告書を提出してください。</t>
    </r>
  </si>
  <si>
    <r>
      <rPr>
        <sz val="10"/>
        <color theme="1"/>
        <rFont val="ＭＳ Ｐゴシック"/>
        <family val="3"/>
        <charset val="128"/>
      </rPr>
      <t>　「</t>
    </r>
    <r>
      <rPr>
        <sz val="10"/>
        <color theme="1"/>
        <rFont val="Arial"/>
        <family val="2"/>
      </rPr>
      <t>A2-</t>
    </r>
    <r>
      <rPr>
        <sz val="10"/>
        <color theme="1"/>
        <rFont val="ＭＳ Ｐゴシック"/>
        <family val="3"/>
        <charset val="128"/>
      </rPr>
      <t>別表」、「</t>
    </r>
    <r>
      <rPr>
        <sz val="10"/>
        <color theme="1"/>
        <rFont val="Arial"/>
        <family val="2"/>
      </rPr>
      <t>B2-</t>
    </r>
    <r>
      <rPr>
        <sz val="10"/>
        <color theme="1"/>
        <rFont val="ＭＳ Ｐゴシック"/>
        <family val="3"/>
        <charset val="128"/>
      </rPr>
      <t>別表」につきましては、</t>
    </r>
  </si>
  <si>
    <r>
      <t xml:space="preserve">  A2</t>
    </r>
    <r>
      <rPr>
        <sz val="10"/>
        <color theme="1"/>
        <rFont val="ＭＳ Ｐゴシック"/>
        <family val="3"/>
        <charset val="128"/>
      </rPr>
      <t>、</t>
    </r>
    <r>
      <rPr>
        <sz val="10"/>
        <color theme="1"/>
        <rFont val="Arial"/>
        <family val="2"/>
      </rPr>
      <t>B2</t>
    </r>
    <r>
      <rPr>
        <sz val="10"/>
        <color theme="1"/>
        <rFont val="ＭＳ Ｐゴシック"/>
        <family val="3"/>
        <charset val="128"/>
      </rPr>
      <t>の「条件により使用を禁止する化学物質」の含有がある場合に提出してください。</t>
    </r>
  </si>
  <si>
    <r>
      <t>3</t>
    </r>
    <r>
      <rPr>
        <sz val="10"/>
        <color theme="1"/>
        <rFont val="ＭＳ Ｐゴシック"/>
        <family val="3"/>
        <charset val="128"/>
      </rPr>
      <t>）</t>
    </r>
    <r>
      <rPr>
        <sz val="10"/>
        <color theme="1"/>
        <rFont val="Arial"/>
        <family val="2"/>
      </rPr>
      <t xml:space="preserve"> </t>
    </r>
    <r>
      <rPr>
        <sz val="10"/>
        <color theme="1"/>
        <rFont val="ＭＳ Ｐゴシック"/>
        <family val="3"/>
        <charset val="128"/>
      </rPr>
      <t>メーカー型番</t>
    </r>
  </si>
  <si>
    <r>
      <t>4</t>
    </r>
    <r>
      <rPr>
        <sz val="10"/>
        <color theme="1"/>
        <rFont val="ＭＳ Ｐゴシック"/>
        <family val="3"/>
        <charset val="128"/>
      </rPr>
      <t>）</t>
    </r>
    <r>
      <rPr>
        <sz val="10"/>
        <color theme="1"/>
        <rFont val="Arial"/>
        <family val="2"/>
      </rPr>
      <t xml:space="preserve"> </t>
    </r>
    <r>
      <rPr>
        <sz val="10"/>
        <color theme="1"/>
        <rFont val="ＭＳ Ｐゴシック"/>
        <family val="3"/>
        <charset val="128"/>
      </rPr>
      <t>製品質量［</t>
    </r>
    <r>
      <rPr>
        <sz val="10"/>
        <color theme="1"/>
        <rFont val="Arial"/>
        <family val="2"/>
      </rPr>
      <t>g</t>
    </r>
    <r>
      <rPr>
        <sz val="10"/>
        <color theme="1"/>
        <rFont val="ＭＳ Ｐゴシック"/>
        <family val="3"/>
        <charset val="128"/>
      </rPr>
      <t>］</t>
    </r>
  </si>
  <si>
    <r>
      <rPr>
        <sz val="10"/>
        <color theme="1"/>
        <rFont val="ＭＳ Ｐゴシック"/>
        <family val="3"/>
        <charset val="128"/>
      </rPr>
      <t>「確認結果／</t>
    </r>
    <r>
      <rPr>
        <sz val="10"/>
        <color theme="1"/>
        <rFont val="Arial"/>
        <family val="2"/>
      </rPr>
      <t>Result</t>
    </r>
    <r>
      <rPr>
        <sz val="10"/>
        <color theme="1"/>
        <rFont val="ＭＳ Ｐゴシック"/>
        <family val="3"/>
        <charset val="128"/>
      </rPr>
      <t>」欄はドロップダウンとなっていますので、</t>
    </r>
  </si>
  <si>
    <r>
      <t xml:space="preserve"> </t>
    </r>
    <r>
      <rPr>
        <sz val="10"/>
        <color theme="1"/>
        <rFont val="ＭＳ Ｐゴシック"/>
        <family val="3"/>
        <charset val="128"/>
      </rPr>
      <t>責任者</t>
    </r>
    <r>
      <rPr>
        <sz val="10"/>
        <color theme="1"/>
        <rFont val="Arial"/>
        <family val="2"/>
      </rPr>
      <t xml:space="preserve"> </t>
    </r>
    <r>
      <rPr>
        <sz val="10"/>
        <color theme="1"/>
        <rFont val="ＭＳ Ｐゴシック"/>
        <family val="3"/>
        <charset val="128"/>
      </rPr>
      <t>〔署名いただくか、入力（記入）及び捺印をしてください。〕</t>
    </r>
  </si>
  <si>
    <r>
      <t xml:space="preserve"> </t>
    </r>
    <r>
      <rPr>
        <sz val="10"/>
        <color theme="1"/>
        <rFont val="ＭＳ Ｐゴシック"/>
        <family val="3"/>
        <charset val="128"/>
      </rPr>
      <t>納入いただく製品名</t>
    </r>
  </si>
  <si>
    <r>
      <t xml:space="preserve"> </t>
    </r>
    <r>
      <rPr>
        <sz val="10"/>
        <color theme="1"/>
        <rFont val="ＭＳ Ｐゴシック"/>
        <family val="3"/>
        <charset val="128"/>
      </rPr>
      <t>納入いただく製品に割り当てられた当社の部品コード</t>
    </r>
  </si>
  <si>
    <r>
      <t xml:space="preserve"> </t>
    </r>
    <r>
      <rPr>
        <sz val="10"/>
        <color theme="1"/>
        <rFont val="ＭＳ Ｐゴシック"/>
        <family val="3"/>
        <charset val="128"/>
      </rPr>
      <t>納入いただく製品の貴社型番</t>
    </r>
  </si>
  <si>
    <r>
      <t xml:space="preserve"> </t>
    </r>
    <r>
      <rPr>
        <sz val="10"/>
        <color theme="1"/>
        <rFont val="ＭＳ Ｐゴシック"/>
        <family val="3"/>
        <charset val="128"/>
      </rPr>
      <t>納入いただく製品の質量</t>
    </r>
  </si>
  <si>
    <r>
      <rPr>
        <b/>
        <sz val="10"/>
        <color rgb="FFFF0000"/>
        <rFont val="MS UI Gothic"/>
        <family val="3"/>
        <charset val="128"/>
      </rPr>
      <t>［このシートは提出不要です］</t>
    </r>
  </si>
  <si>
    <r>
      <t>A1.</t>
    </r>
    <r>
      <rPr>
        <b/>
        <sz val="11"/>
        <color theme="1"/>
        <rFont val="ＭＳ Ｐゴシック"/>
        <family val="3"/>
        <charset val="128"/>
      </rPr>
      <t>全面的に使用を禁止する化学物質の製品への含有について／</t>
    </r>
  </si>
  <si>
    <r>
      <t>A2.</t>
    </r>
    <r>
      <rPr>
        <b/>
        <sz val="11"/>
        <color theme="1"/>
        <rFont val="ＭＳ Ｐゴシック"/>
        <family val="3"/>
        <charset val="128"/>
      </rPr>
      <t>条件により使用を禁止する化学物質の製品への含有について／</t>
    </r>
  </si>
  <si>
    <r>
      <t>B1.</t>
    </r>
    <r>
      <rPr>
        <b/>
        <sz val="11"/>
        <color theme="1"/>
        <rFont val="ＭＳ Ｐゴシック"/>
        <family val="3"/>
        <charset val="128"/>
      </rPr>
      <t>全面的に使用を禁止する化学物質の製品への含有について／</t>
    </r>
  </si>
  <si>
    <r>
      <t>B2.</t>
    </r>
    <r>
      <rPr>
        <b/>
        <sz val="11"/>
        <color theme="1"/>
        <rFont val="ＭＳ Ｐゴシック"/>
        <family val="3"/>
        <charset val="128"/>
      </rPr>
      <t>条件により使用を禁止する化学物質の製品への含有について／</t>
    </r>
  </si>
  <si>
    <r>
      <t>B3.</t>
    </r>
    <r>
      <rPr>
        <b/>
        <sz val="11"/>
        <color theme="1"/>
        <rFont val="ＭＳ Ｐゴシック"/>
        <family val="3"/>
        <charset val="128"/>
      </rPr>
      <t>オゾン層破壊物質の製品への含有及び製造工程での使用有無について／</t>
    </r>
  </si>
  <si>
    <r>
      <rPr>
        <sz val="11"/>
        <rFont val="ＭＳ Ｐゴシック"/>
        <family val="2"/>
        <charset val="128"/>
      </rPr>
      <t>ポリ塩化ナフタレン</t>
    </r>
    <r>
      <rPr>
        <sz val="11"/>
        <rFont val="ＭＳ Ｐゴシック"/>
        <family val="3"/>
        <charset val="128"/>
      </rPr>
      <t>／</t>
    </r>
    <phoneticPr fontId="6"/>
  </si>
  <si>
    <r>
      <rPr>
        <sz val="11"/>
        <rFont val="ＭＳ Ｐゴシック"/>
        <family val="3"/>
        <charset val="128"/>
      </rPr>
      <t>シャープ株式会社</t>
    </r>
    <r>
      <rPr>
        <sz val="11"/>
        <rFont val="Arial"/>
        <family val="2"/>
      </rPr>
      <t xml:space="preserve"> </t>
    </r>
    <r>
      <rPr>
        <sz val="11"/>
        <rFont val="ＭＳ Ｐゴシック"/>
        <family val="3"/>
        <charset val="128"/>
      </rPr>
      <t>行</t>
    </r>
    <rPh sb="4" eb="8">
      <t>カブシキガイシャ</t>
    </rPh>
    <rPh sb="9" eb="10">
      <t>イキ</t>
    </rPh>
    <phoneticPr fontId="5"/>
  </si>
  <si>
    <t>使用可／</t>
  </si>
  <si>
    <t>Used in every application other than the following (2)-(5).</t>
    <phoneticPr fontId="5"/>
  </si>
  <si>
    <t>&lt; Applicable                  / Not Applicable &gt;</t>
  </si>
  <si>
    <t>（注）上記確認結果が｢Not Applicable｣の場合は、シャープでの採用は原則不可／</t>
  </si>
  <si>
    <t>判定基準の確認結果が「Not Applicable」の場合は、A2-別表にて使用可否の判定を記載し添付いたします／</t>
  </si>
  <si>
    <t>&lt; 判定基準を満たす／Meet criteria: "Applicable"、満たさない／Do not meet criteria: "Not Applicable" &gt;</t>
  </si>
  <si>
    <t>判定基準の確認結果が「Not Applicable」の場合は、B2-別表にて使用可否の判定を記載し添付いたします／</t>
  </si>
  <si>
    <t>（注）上記確認結果が｢Not Applicable｣および「Used」の場合は、シャープでの採用は不可／</t>
  </si>
  <si>
    <t>Note) When "Not Applicable" and/or "Used" is selected on the Result, the part or material is prohibited by the SHARP standard.</t>
  </si>
  <si>
    <t xml:space="preserve">Content is 1000ppm or less regarding other than following four phthalates. 
Bis(2-ethylhexyl)phthalate:DEHP, Dibutyl phthalate: DBP, Bis(butylbenzyl) phthalate: BBP, Diisobutyl phthalate: DIBP, </t>
    <phoneticPr fontId="5"/>
  </si>
  <si>
    <t>Polychlorinated naphthalenes</t>
    <phoneticPr fontId="5"/>
  </si>
  <si>
    <t>Not intentionally added.  (Chlorine atom 1-8 are subject to the regulation.)</t>
    <phoneticPr fontId="5"/>
  </si>
  <si>
    <t>Polycyclic aromatic hydrocarbons (PAHs)</t>
    <phoneticPr fontId="5"/>
  </si>
  <si>
    <t>Using exemptions listed in EU RoHS directive other than above and having permission from adoption decision.</t>
    <phoneticPr fontId="5"/>
  </si>
  <si>
    <r>
      <rPr>
        <sz val="11"/>
        <color theme="1"/>
        <rFont val="ＭＳ Ｐゴシック"/>
        <family val="3"/>
        <charset val="128"/>
      </rPr>
      <t>上記以外の</t>
    </r>
    <r>
      <rPr>
        <sz val="11"/>
        <color theme="1"/>
        <rFont val="Arial"/>
        <family val="2"/>
      </rPr>
      <t>EU RoHS</t>
    </r>
    <r>
      <rPr>
        <sz val="11"/>
        <color theme="1"/>
        <rFont val="ＭＳ Ｐゴシック"/>
        <family val="3"/>
        <charset val="128"/>
      </rPr>
      <t>指令で定められた適用除外用途に使用されており、採用部門の許可を得ている／</t>
    </r>
    <rPh sb="15" eb="16">
      <t>サダ</t>
    </rPh>
    <rPh sb="20" eb="22">
      <t>テキヨウ</t>
    </rPh>
    <phoneticPr fontId="5"/>
  </si>
  <si>
    <r>
      <rPr>
        <sz val="11"/>
        <color theme="1"/>
        <rFont val="Arial"/>
        <family val="2"/>
      </rPr>
      <t>RoHS</t>
    </r>
    <r>
      <rPr>
        <sz val="11"/>
        <color theme="1"/>
        <rFont val="ＭＳ Ｐゴシック"/>
        <family val="3"/>
        <charset val="128"/>
      </rPr>
      <t>適用除外</t>
    </r>
    <r>
      <rPr>
        <sz val="11"/>
        <color theme="1"/>
        <rFont val="Arial"/>
        <family val="2"/>
      </rPr>
      <t>No.</t>
    </r>
    <r>
      <rPr>
        <sz val="11"/>
        <color theme="1"/>
        <rFont val="ＭＳ Ｐゴシック"/>
        <family val="3"/>
        <charset val="128"/>
      </rPr>
      <t>／</t>
    </r>
    <r>
      <rPr>
        <sz val="9"/>
        <color theme="1"/>
        <rFont val="Arial"/>
        <family val="2"/>
      </rPr>
      <t>RoHS Exemption No. :</t>
    </r>
    <rPh sb="4" eb="6">
      <t>テキヨウ</t>
    </rPh>
    <phoneticPr fontId="5"/>
  </si>
  <si>
    <t>- 1/3 -</t>
    <phoneticPr fontId="5"/>
  </si>
  <si>
    <t>- 2/3 -</t>
    <phoneticPr fontId="5"/>
  </si>
  <si>
    <t>- 3/3 -</t>
    <phoneticPr fontId="5"/>
  </si>
  <si>
    <t>- 1/1 -</t>
    <phoneticPr fontId="5"/>
  </si>
  <si>
    <t>- 1/2 -</t>
    <phoneticPr fontId="5"/>
  </si>
  <si>
    <t>- 2/2 -</t>
    <phoneticPr fontId="5"/>
  </si>
  <si>
    <t>Phenol,2-(2H-benzotriazol-2-yl)-4,6-bis(1,1-dimethylethyl)</t>
    <phoneticPr fontId="5"/>
  </si>
  <si>
    <r>
      <rPr>
        <sz val="10"/>
        <color theme="1"/>
        <rFont val="ＭＳ Ｐゴシック"/>
        <family val="3"/>
        <charset val="128"/>
      </rPr>
      <t>以下の情報を指定箇所へ入力（記入）してください。</t>
    </r>
    <rPh sb="0" eb="2">
      <t>イカ</t>
    </rPh>
    <rPh sb="3" eb="5">
      <t>ジョウホウ</t>
    </rPh>
    <rPh sb="6" eb="8">
      <t>シテイ</t>
    </rPh>
    <rPh sb="8" eb="10">
      <t>カショ</t>
    </rPh>
    <rPh sb="11" eb="13">
      <t>ニュウリョク</t>
    </rPh>
    <rPh sb="14" eb="16">
      <t>キニュウ</t>
    </rPh>
    <phoneticPr fontId="5"/>
  </si>
  <si>
    <r>
      <rPr>
        <sz val="10"/>
        <color theme="1"/>
        <rFont val="ＭＳ Ｐゴシック"/>
        <family val="3"/>
        <charset val="128"/>
      </rPr>
      <t>入力（記入）項目</t>
    </r>
    <rPh sb="0" eb="2">
      <t>ニュウリョク</t>
    </rPh>
    <rPh sb="3" eb="5">
      <t>キニュウ</t>
    </rPh>
    <rPh sb="6" eb="8">
      <t>コウモク</t>
    </rPh>
    <phoneticPr fontId="5"/>
  </si>
  <si>
    <r>
      <t xml:space="preserve"> </t>
    </r>
    <r>
      <rPr>
        <sz val="10"/>
        <color theme="1"/>
        <rFont val="ＭＳ Ｐゴシック"/>
        <family val="3"/>
        <charset val="128"/>
      </rPr>
      <t>作成日</t>
    </r>
  </si>
  <si>
    <r>
      <t xml:space="preserve"> </t>
    </r>
    <r>
      <rPr>
        <sz val="10"/>
        <color theme="1"/>
        <rFont val="ＭＳ Ｐゴシック"/>
        <family val="3"/>
        <charset val="128"/>
      </rPr>
      <t>会社名・部署名</t>
    </r>
  </si>
  <si>
    <r>
      <t xml:space="preserve"> </t>
    </r>
    <r>
      <rPr>
        <sz val="10"/>
        <color theme="1"/>
        <rFont val="ＭＳ Ｐゴシック"/>
        <family val="3"/>
        <charset val="128"/>
      </rPr>
      <t>作成者</t>
    </r>
  </si>
  <si>
    <r>
      <rPr>
        <sz val="10"/>
        <color theme="1"/>
        <rFont val="ＭＳ Ｐゴシック"/>
        <family val="3"/>
        <charset val="128"/>
      </rPr>
      <t>項目</t>
    </r>
    <rPh sb="0" eb="2">
      <t>コウモク</t>
    </rPh>
    <phoneticPr fontId="5"/>
  </si>
  <si>
    <r>
      <rPr>
        <sz val="10"/>
        <color theme="1"/>
        <rFont val="ＭＳ Ｐゴシック"/>
        <family val="3"/>
        <charset val="128"/>
      </rPr>
      <t>入力（記入）内容</t>
    </r>
    <rPh sb="6" eb="8">
      <t>ナイヨウ</t>
    </rPh>
    <phoneticPr fontId="5"/>
  </si>
  <si>
    <r>
      <rPr>
        <sz val="11"/>
        <color theme="1"/>
        <rFont val="ＭＳ Ｐゴシック"/>
        <family val="3"/>
        <charset val="128"/>
      </rPr>
      <t>液晶プロジェクターのランプのガラスに使用されている（三酸化二ヒ素）／</t>
    </r>
    <phoneticPr fontId="5"/>
  </si>
  <si>
    <r>
      <rPr>
        <sz val="11"/>
        <color theme="1"/>
        <rFont val="ＭＳ Ｐゴシック"/>
        <family val="3"/>
        <charset val="128"/>
      </rPr>
      <t>代替困難であり、シャープの採用決定部門に許可を得ている／</t>
    </r>
    <phoneticPr fontId="5"/>
  </si>
  <si>
    <r>
      <rPr>
        <sz val="11"/>
        <color theme="1"/>
        <rFont val="ＭＳ Ｐゴシック"/>
        <family val="2"/>
        <charset val="128"/>
      </rPr>
      <t>過塩素酸塩／</t>
    </r>
    <phoneticPr fontId="5"/>
  </si>
  <si>
    <r>
      <rPr>
        <sz val="11"/>
        <color theme="1"/>
        <rFont val="ＭＳ Ｐゴシック"/>
        <family val="2"/>
        <charset val="128"/>
      </rPr>
      <t>意図的に添加していない（電池のみ調査対象。電池以外は回答不要）／</t>
    </r>
    <phoneticPr fontId="5"/>
  </si>
  <si>
    <r>
      <rPr>
        <sz val="11"/>
        <color theme="1"/>
        <rFont val="ＭＳ Ｐゴシック"/>
        <family val="2"/>
        <charset val="128"/>
      </rPr>
      <t>オゾン層破壊物質／</t>
    </r>
    <phoneticPr fontId="5"/>
  </si>
  <si>
    <r>
      <rPr>
        <sz val="11"/>
        <color theme="1"/>
        <rFont val="ＭＳ Ｐゴシック"/>
        <family val="3"/>
        <charset val="128"/>
      </rPr>
      <t>確認内容（判定基準）／</t>
    </r>
    <r>
      <rPr>
        <sz val="9"/>
        <color theme="1"/>
        <rFont val="Arial"/>
        <family val="2"/>
      </rPr>
      <t>Check point (Criteria)</t>
    </r>
    <phoneticPr fontId="5"/>
  </si>
  <si>
    <r>
      <rPr>
        <sz val="11"/>
        <color theme="1"/>
        <rFont val="ＭＳ Ｐゴシック"/>
        <family val="3"/>
        <charset val="128"/>
      </rPr>
      <t>下記（</t>
    </r>
    <r>
      <rPr>
        <sz val="11"/>
        <color theme="1"/>
        <rFont val="Arial"/>
        <family val="2"/>
      </rPr>
      <t>3</t>
    </r>
    <r>
      <rPr>
        <sz val="11"/>
        <color theme="1"/>
        <rFont val="ＭＳ Ｐゴシック"/>
        <family val="3"/>
        <charset val="128"/>
      </rPr>
      <t>）以外のものに使用されている／</t>
    </r>
    <phoneticPr fontId="5"/>
  </si>
  <si>
    <r>
      <t xml:space="preserve">(a) </t>
    </r>
    <r>
      <rPr>
        <sz val="11"/>
        <color theme="1"/>
        <rFont val="ＭＳ Ｐゴシック"/>
        <family val="3"/>
        <charset val="128"/>
      </rPr>
      <t>合金に／</t>
    </r>
    <r>
      <rPr>
        <sz val="9"/>
        <color theme="1"/>
        <rFont val="Arial"/>
        <family val="2"/>
      </rPr>
      <t>Alloy</t>
    </r>
    <phoneticPr fontId="5"/>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t>
    </r>
    <phoneticPr fontId="5"/>
  </si>
  <si>
    <r>
      <rPr>
        <sz val="11"/>
        <color theme="1"/>
        <rFont val="ＭＳ Ｐゴシック"/>
        <family val="3"/>
        <charset val="128"/>
      </rPr>
      <t>非装飾用の硬質クロム（</t>
    </r>
    <r>
      <rPr>
        <sz val="11"/>
        <color theme="1"/>
        <rFont val="Arial"/>
        <family val="2"/>
      </rPr>
      <t>VI</t>
    </r>
    <r>
      <rPr>
        <sz val="11"/>
        <color theme="1"/>
        <rFont val="ＭＳ Ｐゴシック"/>
        <family val="3"/>
        <charset val="128"/>
      </rPr>
      <t>）めっき用ミスト防止剤、及びめっき用の装置で用いる湿潤剤として使用されている／</t>
    </r>
    <phoneticPr fontId="5"/>
  </si>
  <si>
    <r>
      <rPr>
        <sz val="11"/>
        <color theme="1"/>
        <rFont val="ＭＳ Ｐゴシック"/>
        <family val="3"/>
        <charset val="128"/>
      </rPr>
      <t>五酸化二ヒ素を使用している／</t>
    </r>
    <r>
      <rPr>
        <sz val="9"/>
        <color theme="1"/>
        <rFont val="Arial"/>
        <family val="2"/>
      </rPr>
      <t>Using Diarsenic Pentoxide</t>
    </r>
    <phoneticPr fontId="5"/>
  </si>
  <si>
    <r>
      <rPr>
        <sz val="11"/>
        <color theme="1"/>
        <rFont val="ＭＳ Ｐゴシック"/>
        <family val="3"/>
        <charset val="128"/>
      </rPr>
      <t>下記（</t>
    </r>
    <r>
      <rPr>
        <sz val="11"/>
        <color theme="1"/>
        <rFont val="Arial"/>
        <family val="2"/>
      </rPr>
      <t>3</t>
    </r>
    <r>
      <rPr>
        <sz val="11"/>
        <color theme="1"/>
        <rFont val="ＭＳ Ｐゴシック"/>
        <family val="3"/>
        <charset val="128"/>
      </rPr>
      <t>）～（</t>
    </r>
    <r>
      <rPr>
        <sz val="11"/>
        <color theme="1"/>
        <rFont val="Arial"/>
        <family val="2"/>
      </rPr>
      <t>4</t>
    </r>
    <r>
      <rPr>
        <sz val="11"/>
        <color theme="1"/>
        <rFont val="ＭＳ Ｐゴシック"/>
        <family val="3"/>
        <charset val="128"/>
      </rPr>
      <t>）以外のものに使用されている／</t>
    </r>
    <r>
      <rPr>
        <sz val="9"/>
        <color theme="1"/>
        <rFont val="Arial"/>
        <family val="2"/>
      </rPr>
      <t>Used in the other than the following (3)-(4).</t>
    </r>
    <phoneticPr fontId="5"/>
  </si>
  <si>
    <r>
      <rPr>
        <sz val="11"/>
        <color theme="1"/>
        <rFont val="ＭＳ Ｐゴシック"/>
        <family val="3"/>
        <charset val="128"/>
      </rPr>
      <t>除外対象部品に使用されている／</t>
    </r>
    <r>
      <rPr>
        <sz val="9"/>
        <color theme="1"/>
        <rFont val="Arial"/>
        <family val="2"/>
      </rPr>
      <t>Used for the exception items.</t>
    </r>
    <phoneticPr fontId="5"/>
  </si>
  <si>
    <r>
      <t xml:space="preserve">(a) </t>
    </r>
    <r>
      <rPr>
        <sz val="11"/>
        <color theme="1"/>
        <rFont val="ＭＳ Ｐゴシック"/>
        <family val="3"/>
        <charset val="128"/>
      </rPr>
      <t>半導体に／</t>
    </r>
    <r>
      <rPr>
        <sz val="9"/>
        <color theme="1"/>
        <rFont val="Arial"/>
        <family val="2"/>
      </rPr>
      <t>Semiconductor</t>
    </r>
    <phoneticPr fontId="5"/>
  </si>
  <si>
    <r>
      <t xml:space="preserve">(b) </t>
    </r>
    <r>
      <rPr>
        <sz val="11"/>
        <color theme="1"/>
        <rFont val="ＭＳ Ｐゴシック"/>
        <family val="3"/>
        <charset val="128"/>
      </rPr>
      <t>感光剤に／</t>
    </r>
    <r>
      <rPr>
        <sz val="9"/>
        <color theme="1"/>
        <rFont val="Arial"/>
        <family val="2"/>
      </rPr>
      <t>Resist</t>
    </r>
    <phoneticPr fontId="5"/>
  </si>
  <si>
    <r>
      <t xml:space="preserve">(c) </t>
    </r>
    <r>
      <rPr>
        <sz val="11"/>
        <color theme="1"/>
        <rFont val="ＭＳ Ｐゴシック"/>
        <family val="3"/>
        <charset val="128"/>
      </rPr>
      <t>マグネットフィルターに／</t>
    </r>
    <r>
      <rPr>
        <sz val="9"/>
        <color theme="1"/>
        <rFont val="Arial"/>
        <family val="2"/>
      </rPr>
      <t>Magnet filter</t>
    </r>
    <phoneticPr fontId="5"/>
  </si>
  <si>
    <r>
      <t xml:space="preserve">(d) </t>
    </r>
    <r>
      <rPr>
        <sz val="11"/>
        <color theme="1"/>
        <rFont val="ＭＳ Ｐゴシック"/>
        <family val="3"/>
        <charset val="128"/>
      </rPr>
      <t>銅箔に／</t>
    </r>
    <r>
      <rPr>
        <sz val="9"/>
        <color theme="1"/>
        <rFont val="Arial"/>
        <family val="2"/>
      </rPr>
      <t>Copper foil</t>
    </r>
    <phoneticPr fontId="5"/>
  </si>
  <si>
    <r>
      <t xml:space="preserve">(e) </t>
    </r>
    <r>
      <rPr>
        <sz val="11"/>
        <color theme="1"/>
        <rFont val="ＭＳ Ｐゴシック"/>
        <family val="3"/>
        <charset val="128"/>
      </rPr>
      <t>電池に／</t>
    </r>
    <r>
      <rPr>
        <sz val="9"/>
        <color theme="1"/>
        <rFont val="Arial"/>
        <family val="2"/>
      </rPr>
      <t>Battery</t>
    </r>
    <phoneticPr fontId="5"/>
  </si>
  <si>
    <r>
      <rPr>
        <sz val="11"/>
        <color theme="1"/>
        <rFont val="ＭＳ Ｐゴシック"/>
        <family val="3"/>
        <charset val="128"/>
      </rPr>
      <t>下記用途で使用されている／</t>
    </r>
    <r>
      <rPr>
        <sz val="9"/>
        <color theme="1"/>
        <rFont val="Arial"/>
        <family val="2"/>
      </rPr>
      <t>Used for applications below;</t>
    </r>
    <phoneticPr fontId="5"/>
  </si>
  <si>
    <r>
      <t xml:space="preserve">(a) </t>
    </r>
    <r>
      <rPr>
        <sz val="11"/>
        <color theme="1"/>
        <rFont val="ＭＳ Ｐゴシック"/>
        <family val="3"/>
        <charset val="128"/>
      </rPr>
      <t>偏光板（</t>
    </r>
    <r>
      <rPr>
        <sz val="11"/>
        <color theme="1"/>
        <rFont val="Arial"/>
        <family val="2"/>
      </rPr>
      <t>PVA</t>
    </r>
    <r>
      <rPr>
        <sz val="11"/>
        <color theme="1"/>
        <rFont val="ＭＳ Ｐゴシック"/>
        <family val="3"/>
        <charset val="128"/>
      </rPr>
      <t>製）に／</t>
    </r>
    <r>
      <rPr>
        <sz val="9"/>
        <color theme="1"/>
        <rFont val="Arial"/>
        <family val="2"/>
      </rPr>
      <t xml:space="preserve">Polarizers (made of PVA) </t>
    </r>
    <phoneticPr fontId="5"/>
  </si>
  <si>
    <r>
      <t xml:space="preserve">(b) </t>
    </r>
    <r>
      <rPr>
        <sz val="11"/>
        <color theme="1"/>
        <rFont val="ＭＳ Ｐゴシック"/>
        <family val="3"/>
        <charset val="128"/>
      </rPr>
      <t>ガラスに／</t>
    </r>
    <r>
      <rPr>
        <sz val="9"/>
        <color theme="1"/>
        <rFont val="Arial"/>
        <family val="2"/>
      </rPr>
      <t>Glass</t>
    </r>
    <phoneticPr fontId="5"/>
  </si>
  <si>
    <r>
      <t xml:space="preserve">(c) </t>
    </r>
    <r>
      <rPr>
        <sz val="11"/>
        <color theme="1"/>
        <rFont val="ＭＳ Ｐゴシック"/>
        <family val="3"/>
        <charset val="128"/>
      </rPr>
      <t>接着剤に／</t>
    </r>
    <r>
      <rPr>
        <sz val="9"/>
        <color theme="1"/>
        <rFont val="Arial"/>
        <family val="2"/>
      </rPr>
      <t>Adhensive agent</t>
    </r>
    <phoneticPr fontId="5"/>
  </si>
  <si>
    <r>
      <t xml:space="preserve">(a) </t>
    </r>
    <r>
      <rPr>
        <sz val="11"/>
        <color theme="1"/>
        <rFont val="ＭＳ Ｐゴシック"/>
        <family val="3"/>
        <charset val="128"/>
      </rPr>
      <t>偏光板（</t>
    </r>
    <r>
      <rPr>
        <sz val="11"/>
        <color theme="1"/>
        <rFont val="Arial"/>
        <family val="2"/>
      </rPr>
      <t>PVA</t>
    </r>
    <r>
      <rPr>
        <sz val="11"/>
        <color theme="1"/>
        <rFont val="ＭＳ Ｐゴシック"/>
        <family val="3"/>
        <charset val="128"/>
      </rPr>
      <t>製）に／</t>
    </r>
    <r>
      <rPr>
        <sz val="9"/>
        <color theme="1"/>
        <rFont val="Arial"/>
        <family val="2"/>
      </rPr>
      <t>Polarizers (made of PVA)</t>
    </r>
    <phoneticPr fontId="5"/>
  </si>
  <si>
    <r>
      <t xml:space="preserve">(d) </t>
    </r>
    <r>
      <rPr>
        <sz val="11"/>
        <color theme="1"/>
        <rFont val="ＭＳ Ｐゴシック"/>
        <family val="3"/>
        <charset val="128"/>
      </rPr>
      <t>繊維に／</t>
    </r>
    <r>
      <rPr>
        <sz val="9"/>
        <color theme="1"/>
        <rFont val="Arial"/>
        <family val="2"/>
      </rPr>
      <t>Fiber</t>
    </r>
    <phoneticPr fontId="5"/>
  </si>
  <si>
    <r>
      <t>2</t>
    </r>
    <r>
      <rPr>
        <sz val="11"/>
        <color theme="1"/>
        <rFont val="ＭＳ Ｐゴシック"/>
        <family val="3"/>
        <charset val="128"/>
      </rPr>
      <t>液型室温硬化型成型材キット（</t>
    </r>
    <r>
      <rPr>
        <sz val="11"/>
        <color theme="1"/>
        <rFont val="Arial"/>
        <family val="2"/>
      </rPr>
      <t>RTV-2</t>
    </r>
    <r>
      <rPr>
        <sz val="11"/>
        <color theme="1"/>
        <rFont val="ＭＳ Ｐゴシック"/>
        <family val="3"/>
        <charset val="128"/>
      </rPr>
      <t>成型材キット）／</t>
    </r>
    <phoneticPr fontId="5"/>
  </si>
  <si>
    <r>
      <rPr>
        <sz val="11"/>
        <color theme="1"/>
        <rFont val="ＭＳ Ｐゴシック"/>
        <family val="2"/>
        <charset val="128"/>
      </rPr>
      <t>意図的に添加していない（塩素数</t>
    </r>
    <r>
      <rPr>
        <sz val="11"/>
        <color theme="1"/>
        <rFont val="Arial"/>
        <family val="2"/>
      </rPr>
      <t>1</t>
    </r>
    <r>
      <rPr>
        <sz val="11"/>
        <color theme="1"/>
        <rFont val="ＭＳ Ｐゴシック"/>
        <family val="2"/>
        <charset val="128"/>
      </rPr>
      <t>～</t>
    </r>
    <r>
      <rPr>
        <sz val="11"/>
        <color theme="1"/>
        <rFont val="Arial"/>
        <family val="2"/>
      </rPr>
      <t>8</t>
    </r>
    <r>
      <rPr>
        <sz val="11"/>
        <color theme="1"/>
        <rFont val="ＭＳ Ｐゴシック"/>
        <family val="2"/>
        <charset val="128"/>
      </rPr>
      <t>が対象）／</t>
    </r>
    <rPh sb="19" eb="21">
      <t>タイショウ</t>
    </rPh>
    <phoneticPr fontId="5"/>
  </si>
  <si>
    <r>
      <t xml:space="preserve">Medium length (&gt; 500 mm and </t>
    </r>
    <r>
      <rPr>
        <sz val="9"/>
        <color theme="1"/>
        <rFont val="ＭＳ Ｐゴシック"/>
        <family val="3"/>
        <charset val="128"/>
      </rPr>
      <t>≤</t>
    </r>
    <r>
      <rPr>
        <sz val="9"/>
        <color theme="1"/>
        <rFont val="Arial"/>
        <family val="2"/>
      </rPr>
      <t xml:space="preserve"> 1500 mm): under 5mg</t>
    </r>
  </si>
  <si>
    <r>
      <rPr>
        <sz val="11"/>
        <color theme="1"/>
        <rFont val="ＭＳ Ｐゴシック"/>
        <family val="3"/>
        <charset val="128"/>
      </rPr>
      <t>ヒ素及びその化合物／</t>
    </r>
    <r>
      <rPr>
        <sz val="9"/>
        <color theme="1"/>
        <rFont val="Arial"/>
        <family val="2"/>
      </rPr>
      <t>Arsenic and its compound</t>
    </r>
    <phoneticPr fontId="5"/>
  </si>
  <si>
    <r>
      <rPr>
        <sz val="11"/>
        <color theme="1"/>
        <rFont val="ＭＳ Ｐゴシック"/>
        <family val="3"/>
        <charset val="128"/>
      </rPr>
      <t>ホウ酸／</t>
    </r>
    <r>
      <rPr>
        <sz val="9"/>
        <color theme="1"/>
        <rFont val="Arial"/>
        <family val="2"/>
      </rPr>
      <t>Boric acid</t>
    </r>
    <phoneticPr fontId="5"/>
  </si>
  <si>
    <r>
      <rPr>
        <sz val="11"/>
        <color theme="1"/>
        <rFont val="ＭＳ Ｐゴシック"/>
        <family val="3"/>
        <charset val="128"/>
      </rPr>
      <t>四ホウ酸二ナトリウム無水物、四ホウ酸二ナトリウム水和物／</t>
    </r>
    <r>
      <rPr>
        <sz val="9"/>
        <color theme="1"/>
        <rFont val="Arial"/>
        <family val="2"/>
      </rPr>
      <t>Disodium tetraborate, anhydrous, Tetraboron disodium heptaoxide, hydrate</t>
    </r>
    <phoneticPr fontId="5"/>
  </si>
  <si>
    <r>
      <rPr>
        <sz val="11"/>
        <color theme="1"/>
        <rFont val="ＭＳ Ｐゴシック"/>
        <family val="3"/>
        <charset val="128"/>
      </rPr>
      <t>ジオクチルスズ化合物（</t>
    </r>
    <r>
      <rPr>
        <sz val="11"/>
        <color theme="1"/>
        <rFont val="Arial"/>
        <family val="2"/>
      </rPr>
      <t>DOT</t>
    </r>
    <r>
      <rPr>
        <sz val="11"/>
        <color theme="1"/>
        <rFont val="ＭＳ Ｐゴシック"/>
        <family val="3"/>
        <charset val="128"/>
      </rPr>
      <t>）／</t>
    </r>
    <r>
      <rPr>
        <sz val="9"/>
        <color theme="1"/>
        <rFont val="Arial"/>
        <family val="2"/>
      </rPr>
      <t>Dioctyltin (DOT) compounds</t>
    </r>
    <phoneticPr fontId="5"/>
  </si>
  <si>
    <r>
      <rPr>
        <sz val="11"/>
        <color theme="1"/>
        <rFont val="ＭＳ Ｐゴシック"/>
        <family val="3"/>
        <charset val="128"/>
      </rPr>
      <t>パーフルオロオクタン酸（</t>
    </r>
    <r>
      <rPr>
        <sz val="11"/>
        <color theme="1"/>
        <rFont val="Arial"/>
        <family val="2"/>
      </rPr>
      <t>PFOA</t>
    </r>
    <r>
      <rPr>
        <sz val="11"/>
        <color theme="1"/>
        <rFont val="ＭＳ Ｐゴシック"/>
        <family val="3"/>
        <charset val="128"/>
      </rPr>
      <t>）とその塩およびそのエステル／</t>
    </r>
    <r>
      <rPr>
        <sz val="9"/>
        <color theme="1"/>
        <rFont val="Arial"/>
        <family val="2"/>
      </rPr>
      <t>Perfluorooctanoic acid (PFOA) and its salts and esters of PFOA</t>
    </r>
    <phoneticPr fontId="5"/>
  </si>
  <si>
    <r>
      <rPr>
        <sz val="11"/>
        <color theme="1"/>
        <rFont val="ＭＳ Ｐゴシック"/>
        <family val="3"/>
        <charset val="128"/>
      </rPr>
      <t>塩素系難燃剤／</t>
    </r>
    <r>
      <rPr>
        <sz val="9"/>
        <color theme="1"/>
        <rFont val="Arial"/>
        <family val="2"/>
      </rPr>
      <t>Chlorinated flame retardants</t>
    </r>
    <phoneticPr fontId="5"/>
  </si>
  <si>
    <r>
      <rPr>
        <sz val="11"/>
        <color theme="1"/>
        <rFont val="ＭＳ Ｐゴシック"/>
        <family val="3"/>
        <charset val="128"/>
      </rPr>
      <t>多環芳香族炭化水素（</t>
    </r>
    <r>
      <rPr>
        <sz val="11"/>
        <color theme="1"/>
        <rFont val="Arial"/>
        <family val="2"/>
      </rPr>
      <t>PAH</t>
    </r>
    <r>
      <rPr>
        <sz val="11"/>
        <color theme="1"/>
        <rFont val="ＭＳ Ｐゴシック"/>
        <family val="3"/>
        <charset val="128"/>
      </rPr>
      <t>）／</t>
    </r>
    <r>
      <rPr>
        <sz val="9"/>
        <color theme="1"/>
        <rFont val="Arial"/>
        <family val="2"/>
      </rPr>
      <t>Polycyclic aromatic hydrocarbons (PAHs)</t>
    </r>
    <phoneticPr fontId="5"/>
  </si>
  <si>
    <t>(                                                                                                                                                                                                        )</t>
    <phoneticPr fontId="5"/>
  </si>
  <si>
    <t>&lt; Used / Not Used &gt;</t>
  </si>
  <si>
    <t>　</t>
  </si>
  <si>
    <t>Used in PZT-based dielectric ceramic materials in a capacitor part of an IC chip or a discrete semiconductor. (single function semiconductor)</t>
    <phoneticPr fontId="5"/>
  </si>
  <si>
    <t>Regarding items whose confirmatory result are "Not Applicable" in clause A2, "X" are entered in the result column as the result of the confirmation pursuant to the criteria.</t>
    <phoneticPr fontId="5"/>
  </si>
  <si>
    <t>Regarding items whose confirmatory result are "Not Applicable" in clause B2, "X" are entered in the result column as the result of the confirmation pursuant to the criteria.</t>
    <phoneticPr fontId="5"/>
  </si>
  <si>
    <t>Content is 1000ppm or less, respectively._x000D_
 _x000D_In case of use in toy, total content of 3 substances (DEHP, DBP, BBP) is 1000ppm or less.</t>
    <phoneticPr fontId="8"/>
  </si>
  <si>
    <t>Arsenic and its compound</t>
    <phoneticPr fontId="5"/>
  </si>
  <si>
    <t>←</t>
  </si>
  <si>
    <t>本報告書の名称を 「環境負荷物質含有状況報告書」 から 「含有化学物質報告書」に変更</t>
    <rPh sb="0" eb="1">
      <t>ホン</t>
    </rPh>
    <rPh sb="1" eb="3">
      <t>ホウコク</t>
    </rPh>
    <rPh sb="3" eb="4">
      <t>ショ</t>
    </rPh>
    <rPh sb="5" eb="7">
      <t>メイショウ</t>
    </rPh>
    <rPh sb="10" eb="12">
      <t>カンキョウ</t>
    </rPh>
    <rPh sb="12" eb="16">
      <t>フカブッシツ</t>
    </rPh>
    <rPh sb="16" eb="18">
      <t>ガンユウ</t>
    </rPh>
    <rPh sb="18" eb="20">
      <t>ジョウキョウ</t>
    </rPh>
    <rPh sb="20" eb="23">
      <t>ホウコクショ</t>
    </rPh>
    <rPh sb="40" eb="42">
      <t>ヘンコウ</t>
    </rPh>
    <phoneticPr fontId="5"/>
  </si>
  <si>
    <t xml:space="preserve">  (Former name: Report on Environmental Impact Substances Contained in the Product)</t>
    <phoneticPr fontId="5"/>
  </si>
  <si>
    <t>No.</t>
    <phoneticPr fontId="5"/>
  </si>
  <si>
    <r>
      <rPr>
        <sz val="11"/>
        <color theme="1"/>
        <rFont val="ＭＳ Ｐゴシック"/>
        <family val="3"/>
        <charset val="128"/>
      </rPr>
      <t>人の皮膚または口腔に、直接長時間接触するあるいは短期時間繰り返して接触するプラスチックまたはゴム部品に使用されている／</t>
    </r>
    <r>
      <rPr>
        <sz val="9"/>
        <color theme="1"/>
        <rFont val="Arial"/>
        <family val="2"/>
      </rPr>
      <t>Used in rubber or plastic components that come into direct as well as prolonged or shortterm repetitive contact with the human skin or the oral cavity.</t>
    </r>
    <phoneticPr fontId="5"/>
  </si>
  <si>
    <r>
      <t xml:space="preserve">使用禁止／
</t>
    </r>
    <r>
      <rPr>
        <b/>
        <sz val="9"/>
        <color theme="0"/>
        <rFont val="ＭＳ Ｐゴシック"/>
        <family val="3"/>
        <charset val="128"/>
      </rPr>
      <t>Banned</t>
    </r>
    <phoneticPr fontId="5"/>
  </si>
  <si>
    <r>
      <rPr>
        <sz val="11"/>
        <color theme="1"/>
        <rFont val="ＭＳ Ｐゴシック"/>
        <family val="3"/>
        <charset val="128"/>
      </rPr>
      <t>下記（</t>
    </r>
    <r>
      <rPr>
        <sz val="11"/>
        <color theme="1"/>
        <rFont val="Arial"/>
        <family val="2"/>
      </rPr>
      <t>2</t>
    </r>
    <r>
      <rPr>
        <sz val="11"/>
        <color theme="1"/>
        <rFont val="ＭＳ Ｐゴシック"/>
        <family val="3"/>
        <charset val="128"/>
      </rPr>
      <t>）以外のものに使用されている／</t>
    </r>
    <r>
      <rPr>
        <sz val="9"/>
        <color theme="1"/>
        <rFont val="Arial"/>
        <family val="2"/>
      </rPr>
      <t>Used in the other than the following (2).</t>
    </r>
    <phoneticPr fontId="5"/>
  </si>
  <si>
    <r>
      <rPr>
        <sz val="11"/>
        <color theme="1"/>
        <rFont val="ＭＳ Ｐゴシック"/>
        <family val="3"/>
        <charset val="128"/>
      </rPr>
      <t>下記（</t>
    </r>
    <r>
      <rPr>
        <sz val="11"/>
        <color theme="1"/>
        <rFont val="Arial"/>
        <family val="2"/>
      </rPr>
      <t>2</t>
    </r>
    <r>
      <rPr>
        <sz val="11"/>
        <color theme="1"/>
        <rFont val="ＭＳ Ｐゴシック"/>
        <family val="3"/>
        <charset val="128"/>
      </rPr>
      <t>）以外のものに使用されている／</t>
    </r>
    <r>
      <rPr>
        <sz val="9"/>
        <color theme="1"/>
        <rFont val="Arial"/>
        <family val="2"/>
      </rPr>
      <t>Used in the other than the following (2).</t>
    </r>
    <phoneticPr fontId="5"/>
  </si>
  <si>
    <r>
      <rPr>
        <sz val="11"/>
        <color theme="1"/>
        <rFont val="ＭＳ Ｐゴシック"/>
        <family val="3"/>
        <charset val="128"/>
      </rPr>
      <t xml:space="preserve">使用可／
</t>
    </r>
    <r>
      <rPr>
        <sz val="9"/>
        <color theme="1"/>
        <rFont val="Arial"/>
        <family val="2"/>
      </rPr>
      <t>Usable</t>
    </r>
    <phoneticPr fontId="5"/>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t>
    </r>
    <r>
      <rPr>
        <sz val="9"/>
        <color theme="1"/>
        <rFont val="Arial"/>
        <family val="2"/>
      </rPr>
      <t>Used in the other than the above (1).</t>
    </r>
    <phoneticPr fontId="5"/>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t>
    </r>
    <r>
      <rPr>
        <sz val="9"/>
        <color theme="1"/>
        <rFont val="Arial"/>
        <family val="2"/>
      </rPr>
      <t>Used in the other than the above (1).</t>
    </r>
    <phoneticPr fontId="5"/>
  </si>
  <si>
    <r>
      <rPr>
        <sz val="11"/>
        <color theme="1"/>
        <rFont val="ＭＳ Ｐゴシック"/>
        <family val="3"/>
        <charset val="128"/>
      </rPr>
      <t>下記（</t>
    </r>
    <r>
      <rPr>
        <sz val="11"/>
        <color theme="1"/>
        <rFont val="Arial"/>
        <family val="2"/>
      </rPr>
      <t>2</t>
    </r>
    <r>
      <rPr>
        <sz val="11"/>
        <color theme="1"/>
        <rFont val="ＭＳ Ｐゴシック"/>
        <family val="3"/>
        <charset val="128"/>
      </rPr>
      <t>）～（</t>
    </r>
    <r>
      <rPr>
        <sz val="11"/>
        <color theme="1"/>
        <rFont val="Arial"/>
        <family val="2"/>
      </rPr>
      <t>4</t>
    </r>
    <r>
      <rPr>
        <sz val="11"/>
        <color theme="1"/>
        <rFont val="ＭＳ Ｐゴシック"/>
        <family val="3"/>
        <charset val="128"/>
      </rPr>
      <t>）以外のものに使用されている／</t>
    </r>
    <r>
      <rPr>
        <sz val="9"/>
        <color theme="1"/>
        <rFont val="Arial"/>
        <family val="2"/>
      </rPr>
      <t>Used in the other than the following (2)-(4).</t>
    </r>
    <phoneticPr fontId="5"/>
  </si>
  <si>
    <t>Phthalates other than the four RoHS-related Phthalates</t>
    <phoneticPr fontId="5"/>
  </si>
  <si>
    <t>Using printed wiring boards (PWBs) in the product.</t>
    <phoneticPr fontId="5"/>
  </si>
  <si>
    <t>Used in electrical and electronic components in a glass or ceramic other than dielectric ceramic in capacitors, e.g. piezoelectronic devices, or in a glass or ceramic matrix compound.</t>
    <phoneticPr fontId="5"/>
  </si>
  <si>
    <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7" eb="9">
      <t>シレイ</t>
    </rPh>
    <phoneticPr fontId="5"/>
  </si>
  <si>
    <r>
      <rPr>
        <sz val="10"/>
        <rFont val="ＭＳ Ｐゴシック"/>
        <family val="3"/>
        <charset val="128"/>
      </rPr>
      <t>化審法、</t>
    </r>
    <r>
      <rPr>
        <sz val="10"/>
        <rFont val="Arial"/>
        <family val="2"/>
      </rP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0" eb="3">
      <t>カシンホウ</t>
    </rPh>
    <rPh sb="11" eb="13">
      <t>シレイ</t>
    </rPh>
    <phoneticPr fontId="5"/>
  </si>
  <si>
    <r>
      <t>EU RoHS</t>
    </r>
    <r>
      <rPr>
        <sz val="10"/>
        <rFont val="ＭＳ Ｐゴシック"/>
        <family val="3"/>
        <charset val="128"/>
      </rPr>
      <t>指令（欧州委員会委任指令</t>
    </r>
    <r>
      <rPr>
        <sz val="10"/>
        <rFont val="Arial"/>
        <family val="2"/>
      </rPr>
      <t>2015/863</t>
    </r>
    <r>
      <rPr>
        <sz val="10"/>
        <rFont val="ＭＳ Ｐゴシック"/>
        <family val="3"/>
        <charset val="128"/>
      </rPr>
      <t>）</t>
    </r>
    <rPh sb="7" eb="9">
      <t>シレイ</t>
    </rPh>
    <rPh sb="10" eb="12">
      <t>オウシュウ</t>
    </rPh>
    <rPh sb="12" eb="15">
      <t>イインカイ</t>
    </rPh>
    <rPh sb="15" eb="17">
      <t>イニン</t>
    </rPh>
    <rPh sb="17" eb="19">
      <t>シレイ</t>
    </rPh>
    <phoneticPr fontId="5"/>
  </si>
  <si>
    <r>
      <t>EU RoHS</t>
    </r>
    <r>
      <rPr>
        <sz val="10"/>
        <rFont val="ＭＳ Ｐゴシック"/>
        <family val="3"/>
        <charset val="128"/>
      </rPr>
      <t>指令（欧州委員会委任指令</t>
    </r>
    <r>
      <rPr>
        <sz val="10"/>
        <rFont val="Arial"/>
        <family val="2"/>
      </rPr>
      <t>2015/863</t>
    </r>
    <r>
      <rPr>
        <sz val="10"/>
        <rFont val="ＭＳ Ｐゴシック"/>
        <family val="3"/>
        <charset val="128"/>
      </rPr>
      <t>）、</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米国消費者製品安全改善法（</t>
    </r>
    <r>
      <rPr>
        <sz val="10"/>
        <rFont val="Arial"/>
        <family val="2"/>
      </rPr>
      <t>CPSIA</t>
    </r>
    <r>
      <rPr>
        <sz val="10"/>
        <rFont val="ＭＳ Ｐゴシック"/>
        <family val="3"/>
        <charset val="128"/>
      </rPr>
      <t>）</t>
    </r>
    <rPh sb="7" eb="9">
      <t>シレイ</t>
    </rPh>
    <rPh sb="10" eb="12">
      <t>オウシュウ</t>
    </rPh>
    <rPh sb="12" eb="15">
      <t>イインカイ</t>
    </rPh>
    <rPh sb="15" eb="17">
      <t>イニン</t>
    </rPh>
    <rPh sb="17" eb="19">
      <t>シレイ</t>
    </rPh>
    <rPh sb="37" eb="39">
      <t>キソク</t>
    </rPh>
    <rPh sb="40" eb="43">
      <t>フゾクショ</t>
    </rPh>
    <phoneticPr fontId="5"/>
  </si>
  <si>
    <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米国消費者製品安全改善法（</t>
    </r>
    <r>
      <rPr>
        <sz val="10"/>
        <rFont val="Arial"/>
        <family val="2"/>
      </rPr>
      <t>CPSIA</t>
    </r>
    <r>
      <rPr>
        <sz val="10"/>
        <rFont val="ＭＳ Ｐゴシック"/>
        <family val="3"/>
        <charset val="128"/>
      </rPr>
      <t>）</t>
    </r>
    <rPh sb="7" eb="9">
      <t>シレイ</t>
    </rPh>
    <rPh sb="29" eb="31">
      <t>ベイコク</t>
    </rPh>
    <phoneticPr fontId="5"/>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rPh sb="8" eb="10">
      <t>キソク</t>
    </rPh>
    <rPh sb="11" eb="14">
      <t>フゾクショ</t>
    </rPh>
    <rPh sb="26" eb="28">
      <t>キソク</t>
    </rPh>
    <rPh sb="29" eb="32">
      <t>フゾクショ</t>
    </rPh>
    <phoneticPr fontId="5"/>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8" eb="10">
      <t>キソク</t>
    </rPh>
    <rPh sb="11" eb="14">
      <t>フゾクショ</t>
    </rPh>
    <phoneticPr fontId="5"/>
  </si>
  <si>
    <r>
      <t>EU F</t>
    </r>
    <r>
      <rPr>
        <sz val="10"/>
        <rFont val="ＭＳ Ｐゴシック"/>
        <family val="3"/>
        <charset val="128"/>
      </rPr>
      <t>ガス規則（</t>
    </r>
    <r>
      <rPr>
        <sz val="10"/>
        <rFont val="Arial"/>
        <family val="2"/>
      </rPr>
      <t>517/2014</t>
    </r>
    <r>
      <rPr>
        <sz val="10"/>
        <rFont val="ＭＳ Ｐゴシック"/>
        <family val="3"/>
        <charset val="128"/>
      </rPr>
      <t>）</t>
    </r>
    <rPh sb="6" eb="8">
      <t>キソク</t>
    </rPh>
    <phoneticPr fontId="5"/>
  </si>
  <si>
    <r>
      <rPr>
        <b/>
        <sz val="10"/>
        <color rgb="FFFF0000"/>
        <rFont val="ＭＳ Ｐゴシック"/>
        <family val="3"/>
        <charset val="128"/>
      </rPr>
      <t>［このシートは提出不要です］</t>
    </r>
  </si>
  <si>
    <r>
      <rPr>
        <b/>
        <sz val="12"/>
        <color theme="1"/>
        <rFont val="ＭＳ Ｐゴシック"/>
        <family val="3"/>
        <charset val="128"/>
      </rPr>
      <t>主な参照法令一覧</t>
    </r>
    <rPh sb="0" eb="1">
      <t>オモ</t>
    </rPh>
    <rPh sb="2" eb="4">
      <t>サンショウ</t>
    </rPh>
    <rPh sb="4" eb="6">
      <t>ホウレイ</t>
    </rPh>
    <rPh sb="6" eb="8">
      <t>イチラン</t>
    </rPh>
    <phoneticPr fontId="5"/>
  </si>
  <si>
    <r>
      <rPr>
        <sz val="10"/>
        <rFont val="ＭＳ Ｐゴシック"/>
        <family val="3"/>
        <charset val="128"/>
      </rPr>
      <t>物質名</t>
    </r>
  </si>
  <si>
    <r>
      <rPr>
        <sz val="10"/>
        <rFont val="ＭＳ Ｐゴシック"/>
        <family val="3"/>
        <charset val="128"/>
      </rPr>
      <t>主な参照法令等</t>
    </r>
    <rPh sb="0" eb="1">
      <t>オモ</t>
    </rPh>
    <rPh sb="2" eb="4">
      <t>サンショウ</t>
    </rPh>
    <rPh sb="4" eb="6">
      <t>ホウレイ</t>
    </rPh>
    <rPh sb="6" eb="7">
      <t>トウ</t>
    </rPh>
    <phoneticPr fontId="5"/>
  </si>
  <si>
    <r>
      <t xml:space="preserve">A1. RoHS </t>
    </r>
    <r>
      <rPr>
        <sz val="10"/>
        <rFont val="ＭＳ Ｐゴシック"/>
        <family val="3"/>
        <charset val="128"/>
      </rPr>
      <t>全面禁止</t>
    </r>
  </si>
  <si>
    <r>
      <rPr>
        <sz val="10"/>
        <rFont val="ＭＳ Ｐゴシック"/>
        <family val="3"/>
        <charset val="128"/>
      </rPr>
      <t>六価クロム化合物</t>
    </r>
  </si>
  <si>
    <r>
      <t xml:space="preserve">A2. RoHS </t>
    </r>
    <r>
      <rPr>
        <sz val="10"/>
        <rFont val="ＭＳ Ｐゴシック"/>
        <family val="3"/>
        <charset val="128"/>
      </rPr>
      <t>条件付禁止</t>
    </r>
  </si>
  <si>
    <r>
      <rPr>
        <sz val="10"/>
        <rFont val="ＭＳ Ｐゴシック"/>
        <family val="3"/>
        <charset val="128"/>
      </rPr>
      <t>カドミウム及びその化合物</t>
    </r>
  </si>
  <si>
    <r>
      <rPr>
        <sz val="10"/>
        <rFont val="ＭＳ Ｐゴシック"/>
        <family val="3"/>
        <charset val="128"/>
      </rPr>
      <t>鉛及びその化合物</t>
    </r>
  </si>
  <si>
    <r>
      <rPr>
        <sz val="10"/>
        <rFont val="ＭＳ Ｐゴシック"/>
        <family val="3"/>
        <charset val="128"/>
      </rPr>
      <t>水銀及びその化合物</t>
    </r>
  </si>
  <si>
    <r>
      <rPr>
        <sz val="10"/>
        <rFont val="ＭＳ Ｐゴシック"/>
        <family val="3"/>
        <charset val="128"/>
      </rPr>
      <t>化審法</t>
    </r>
    <rPh sb="0" eb="3">
      <t>カシンホウ</t>
    </rPh>
    <phoneticPr fontId="5"/>
  </si>
  <si>
    <r>
      <rPr>
        <sz val="10"/>
        <rFont val="ＭＳ Ｐゴシック"/>
        <family val="3"/>
        <charset val="128"/>
      </rPr>
      <t>三置換有機スズ化合物</t>
    </r>
  </si>
  <si>
    <r>
      <rPr>
        <sz val="10"/>
        <rFont val="ＭＳ Ｐゴシック"/>
        <family val="3"/>
        <charset val="128"/>
      </rPr>
      <t>ポリ塩化ナフタレン</t>
    </r>
  </si>
  <si>
    <r>
      <rPr>
        <sz val="10"/>
        <rFont val="ＭＳ Ｐゴシック"/>
        <family val="3"/>
        <charset val="128"/>
      </rPr>
      <t>短鎖型塩化パラフィン</t>
    </r>
  </si>
  <si>
    <r>
      <rPr>
        <sz val="10"/>
        <rFont val="ＭＳ Ｐゴシック"/>
        <family val="3"/>
        <charset val="128"/>
      </rPr>
      <t>アスベスト類</t>
    </r>
  </si>
  <si>
    <r>
      <rPr>
        <sz val="10"/>
        <rFont val="ＭＳ Ｐゴシック"/>
        <family val="3"/>
        <charset val="128"/>
      </rPr>
      <t>塩化コバルト</t>
    </r>
  </si>
  <si>
    <r>
      <rPr>
        <sz val="10"/>
        <rFont val="ＭＳ Ｐゴシック"/>
        <family val="3"/>
        <charset val="128"/>
      </rPr>
      <t>ジメチルフマレート</t>
    </r>
  </si>
  <si>
    <r>
      <rPr>
        <sz val="10"/>
        <rFont val="ＭＳ Ｐゴシック"/>
        <family val="3"/>
        <charset val="128"/>
      </rPr>
      <t>アルミノ珪酸塩、耐火セラミック繊維</t>
    </r>
  </si>
  <si>
    <r>
      <rPr>
        <sz val="10"/>
        <rFont val="ＭＳ Ｐゴシック"/>
        <family val="3"/>
        <charset val="128"/>
      </rPr>
      <t>ジルコニアアルミノ珪酸塩、耐火セラミック繊維</t>
    </r>
  </si>
  <si>
    <r>
      <rPr>
        <sz val="10"/>
        <rFont val="ＭＳ Ｐゴシック"/>
        <family val="3"/>
        <charset val="128"/>
      </rPr>
      <t>ベリリウム及びその化合物</t>
    </r>
  </si>
  <si>
    <r>
      <rPr>
        <sz val="10"/>
        <rFont val="ＭＳ Ｐゴシック"/>
        <family val="3"/>
        <charset val="128"/>
      </rPr>
      <t>アゾ染料・顔料</t>
    </r>
  </si>
  <si>
    <r>
      <rPr>
        <sz val="10"/>
        <rFont val="ＭＳ Ｐゴシック"/>
        <family val="3"/>
        <charset val="128"/>
      </rPr>
      <t>ポリ塩化ビニル及びそのコポリマー</t>
    </r>
  </si>
  <si>
    <r>
      <rPr>
        <sz val="10"/>
        <rFont val="ＭＳ Ｐゴシック"/>
        <family val="3"/>
        <charset val="128"/>
      </rPr>
      <t>放射性物質</t>
    </r>
  </si>
  <si>
    <r>
      <rPr>
        <sz val="10"/>
        <rFont val="ＭＳ Ｐゴシック"/>
        <family val="3"/>
        <charset val="128"/>
      </rPr>
      <t>ホルムアルデヒド</t>
    </r>
  </si>
  <si>
    <r>
      <rPr>
        <sz val="10"/>
        <rFont val="ＭＳ Ｐゴシック"/>
        <family val="3"/>
        <charset val="128"/>
      </rPr>
      <t>過塩素酸塩</t>
    </r>
  </si>
  <si>
    <r>
      <rPr>
        <sz val="10"/>
        <rFont val="ＭＳ Ｐゴシック"/>
        <family val="3"/>
        <charset val="128"/>
      </rPr>
      <t>ヒ素及びその化合物</t>
    </r>
  </si>
  <si>
    <r>
      <rPr>
        <sz val="10"/>
        <rFont val="ＭＳ Ｐゴシック"/>
        <family val="3"/>
        <charset val="128"/>
      </rPr>
      <t>塩素系難燃剤</t>
    </r>
  </si>
  <si>
    <r>
      <rPr>
        <sz val="10"/>
        <rFont val="ＭＳ Ｐゴシック"/>
        <family val="3"/>
        <charset val="128"/>
      </rPr>
      <t>赤リン</t>
    </r>
    <rPh sb="0" eb="1">
      <t>アカ</t>
    </rPh>
    <phoneticPr fontId="5"/>
  </si>
  <si>
    <r>
      <t xml:space="preserve">B3. </t>
    </r>
    <r>
      <rPr>
        <sz val="10"/>
        <rFont val="ＭＳ Ｐゴシック"/>
        <family val="3"/>
        <charset val="128"/>
      </rPr>
      <t>オゾン層破壊物質</t>
    </r>
  </si>
  <si>
    <r>
      <rPr>
        <sz val="10"/>
        <rFont val="ＭＳ Ｐゴシック"/>
        <family val="3"/>
        <charset val="128"/>
      </rPr>
      <t>モントリオール議定書、米国フロン税</t>
    </r>
    <rPh sb="7" eb="10">
      <t>ギテイショ</t>
    </rPh>
    <rPh sb="11" eb="13">
      <t>ベイコク</t>
    </rPh>
    <rPh sb="16" eb="17">
      <t>ゼイ</t>
    </rPh>
    <phoneticPr fontId="5"/>
  </si>
  <si>
    <r>
      <rPr>
        <sz val="10"/>
        <rFont val="ＭＳ Ｐゴシック"/>
        <family val="3"/>
        <charset val="128"/>
      </rPr>
      <t>ポリ臭化ビフェニル類</t>
    </r>
    <r>
      <rPr>
        <sz val="10"/>
        <rFont val="Arial"/>
        <family val="2"/>
      </rPr>
      <t xml:space="preserve"> </t>
    </r>
    <r>
      <rPr>
        <sz val="10"/>
        <rFont val="ＭＳ Ｐゴシック"/>
        <family val="3"/>
        <charset val="128"/>
      </rPr>
      <t>（</t>
    </r>
    <r>
      <rPr>
        <sz val="10"/>
        <rFont val="Arial"/>
        <family val="2"/>
      </rPr>
      <t>PBB</t>
    </r>
    <r>
      <rPr>
        <sz val="10"/>
        <rFont val="ＭＳ Ｐゴシック"/>
        <family val="3"/>
        <charset val="128"/>
      </rPr>
      <t>類）</t>
    </r>
  </si>
  <si>
    <r>
      <rPr>
        <sz val="10"/>
        <rFont val="ＭＳ Ｐゴシック"/>
        <family val="3"/>
        <charset val="128"/>
      </rPr>
      <t>ポリ臭化ジフェニルエーテル類（</t>
    </r>
    <r>
      <rPr>
        <sz val="10"/>
        <rFont val="Arial"/>
        <family val="2"/>
      </rPr>
      <t>PBDE</t>
    </r>
    <r>
      <rPr>
        <sz val="10"/>
        <rFont val="ＭＳ Ｐゴシック"/>
        <family val="3"/>
        <charset val="128"/>
      </rPr>
      <t>類）</t>
    </r>
  </si>
  <si>
    <r>
      <rPr>
        <sz val="10"/>
        <rFont val="ＭＳ Ｐゴシック"/>
        <family val="3"/>
        <charset val="128"/>
      </rPr>
      <t>フタル酸ジイソブチル（</t>
    </r>
    <r>
      <rPr>
        <sz val="10"/>
        <rFont val="Arial"/>
        <family val="2"/>
      </rPr>
      <t>DIBP</t>
    </r>
    <r>
      <rPr>
        <sz val="10"/>
        <rFont val="ＭＳ Ｐゴシック"/>
        <family val="3"/>
        <charset val="128"/>
      </rPr>
      <t>）</t>
    </r>
  </si>
  <si>
    <r>
      <rPr>
        <sz val="10"/>
        <rFont val="ＭＳ Ｐゴシック"/>
        <family val="3"/>
        <charset val="128"/>
      </rPr>
      <t>フタル酸ジ（</t>
    </r>
    <r>
      <rPr>
        <sz val="10"/>
        <rFont val="Arial"/>
        <family val="2"/>
      </rPr>
      <t>2-</t>
    </r>
    <r>
      <rPr>
        <sz val="10"/>
        <rFont val="ＭＳ Ｐゴシック"/>
        <family val="3"/>
        <charset val="128"/>
      </rPr>
      <t>エチルヘキシル）（</t>
    </r>
    <r>
      <rPr>
        <sz val="10"/>
        <rFont val="Arial"/>
        <family val="2"/>
      </rPr>
      <t>DEHP</t>
    </r>
    <r>
      <rPr>
        <sz val="10"/>
        <rFont val="ＭＳ Ｐゴシック"/>
        <family val="3"/>
        <charset val="128"/>
      </rPr>
      <t>）、フタル酸ジブチル（</t>
    </r>
    <r>
      <rPr>
        <sz val="10"/>
        <rFont val="Arial"/>
        <family val="2"/>
      </rPr>
      <t>DBP</t>
    </r>
    <r>
      <rPr>
        <sz val="10"/>
        <rFont val="ＭＳ Ｐゴシック"/>
        <family val="3"/>
        <charset val="128"/>
      </rPr>
      <t>）、フタル酸ブチルベンジル（</t>
    </r>
    <r>
      <rPr>
        <sz val="10"/>
        <rFont val="Arial"/>
        <family val="2"/>
      </rPr>
      <t>BBP</t>
    </r>
    <r>
      <rPr>
        <sz val="10"/>
        <rFont val="ＭＳ Ｐゴシック"/>
        <family val="3"/>
        <charset val="128"/>
      </rPr>
      <t>）</t>
    </r>
  </si>
  <si>
    <r>
      <t>EU RoHS</t>
    </r>
    <r>
      <rPr>
        <sz val="10"/>
        <rFont val="ＭＳ Ｐゴシック"/>
        <family val="3"/>
        <charset val="128"/>
      </rPr>
      <t>指令、</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7" eb="9">
      <t>シレイ</t>
    </rPh>
    <rPh sb="18" eb="20">
      <t>キソク</t>
    </rPh>
    <rPh sb="21" eb="24">
      <t>フゾクショ</t>
    </rPh>
    <phoneticPr fontId="5"/>
  </si>
  <si>
    <r>
      <t xml:space="preserve">B1. </t>
    </r>
    <r>
      <rPr>
        <sz val="10"/>
        <rFont val="ＭＳ Ｐゴシック"/>
        <family val="3"/>
        <charset val="128"/>
      </rPr>
      <t>その他</t>
    </r>
    <r>
      <rPr>
        <sz val="10"/>
        <rFont val="Arial"/>
        <family val="2"/>
      </rPr>
      <t xml:space="preserve"> </t>
    </r>
    <r>
      <rPr>
        <sz val="10"/>
        <rFont val="ＭＳ Ｐゴシック"/>
        <family val="3"/>
        <charset val="128"/>
      </rPr>
      <t>全面禁止</t>
    </r>
  </si>
  <si>
    <r>
      <rPr>
        <sz val="10"/>
        <rFont val="ＭＳ Ｐゴシック"/>
        <family val="3"/>
        <charset val="128"/>
      </rPr>
      <t>トリブチルスズ</t>
    </r>
    <r>
      <rPr>
        <sz val="10"/>
        <rFont val="Arial"/>
        <family val="2"/>
      </rPr>
      <t>=</t>
    </r>
    <r>
      <rPr>
        <sz val="10"/>
        <rFont val="ＭＳ Ｐゴシック"/>
        <family val="3"/>
        <charset val="128"/>
      </rPr>
      <t>オキシド（</t>
    </r>
    <r>
      <rPr>
        <sz val="10"/>
        <rFont val="Arial"/>
        <family val="2"/>
      </rPr>
      <t>TBTO</t>
    </r>
    <r>
      <rPr>
        <sz val="10"/>
        <rFont val="ＭＳ Ｐゴシック"/>
        <family val="3"/>
        <charset val="128"/>
      </rPr>
      <t>）</t>
    </r>
  </si>
  <si>
    <r>
      <rPr>
        <sz val="10"/>
        <rFont val="ＭＳ Ｐゴシック"/>
        <family val="3"/>
        <charset val="128"/>
      </rPr>
      <t>ポリ塩化ビフェニル類（</t>
    </r>
    <r>
      <rPr>
        <sz val="10"/>
        <rFont val="Arial"/>
        <family val="2"/>
      </rPr>
      <t>PCB</t>
    </r>
    <r>
      <rPr>
        <sz val="10"/>
        <rFont val="ＭＳ Ｐゴシック"/>
        <family val="3"/>
        <charset val="128"/>
      </rPr>
      <t>類）、_x000D_
及び特定代替物質</t>
    </r>
  </si>
  <si>
    <r>
      <rPr>
        <sz val="10"/>
        <rFont val="ＭＳ Ｐゴシック"/>
        <family val="3"/>
        <charset val="128"/>
      </rPr>
      <t>安衛法、</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0" eb="1">
      <t>アン</t>
    </rPh>
    <rPh sb="1" eb="2">
      <t>エイ</t>
    </rPh>
    <rPh sb="2" eb="3">
      <t>ホウ</t>
    </rPh>
    <rPh sb="12" eb="14">
      <t>キソク</t>
    </rPh>
    <rPh sb="15" eb="18">
      <t>フゾクショ</t>
    </rPh>
    <phoneticPr fontId="5"/>
  </si>
  <si>
    <r>
      <rPr>
        <sz val="10"/>
        <rFont val="ＭＳ Ｐゴシック"/>
        <family val="3"/>
        <charset val="128"/>
      </rPr>
      <t>ポリ塩化ターフェニル類</t>
    </r>
    <r>
      <rPr>
        <sz val="10"/>
        <rFont val="Arial"/>
        <family val="2"/>
      </rPr>
      <t xml:space="preserve"> </t>
    </r>
    <r>
      <rPr>
        <sz val="10"/>
        <rFont val="ＭＳ Ｐゴシック"/>
        <family val="3"/>
        <charset val="128"/>
      </rPr>
      <t>（</t>
    </r>
    <r>
      <rPr>
        <sz val="10"/>
        <rFont val="Arial"/>
        <family val="2"/>
      </rPr>
      <t>PCT</t>
    </r>
    <r>
      <rPr>
        <sz val="10"/>
        <rFont val="ＭＳ Ｐゴシック"/>
        <family val="3"/>
        <charset val="128"/>
      </rPr>
      <t>類）</t>
    </r>
  </si>
  <si>
    <r>
      <t>2-</t>
    </r>
    <r>
      <rPr>
        <sz val="10"/>
        <rFont val="ＭＳ Ｐゴシック"/>
        <family val="3"/>
        <charset val="128"/>
      </rPr>
      <t>（</t>
    </r>
    <r>
      <rPr>
        <sz val="10"/>
        <rFont val="Arial"/>
        <family val="2"/>
      </rPr>
      <t>2H-1,2,3-</t>
    </r>
    <r>
      <rPr>
        <sz val="10"/>
        <rFont val="ＭＳ Ｐゴシック"/>
        <family val="3"/>
        <charset val="128"/>
      </rPr>
      <t>ベンゾ</t>
    </r>
    <r>
      <rPr>
        <sz val="10"/>
        <rFont val="Arial"/>
        <family val="2"/>
      </rPr>
      <t xml:space="preserve"> </t>
    </r>
    <r>
      <rPr>
        <sz val="10"/>
        <rFont val="ＭＳ Ｐゴシック"/>
        <family val="3"/>
        <charset val="128"/>
      </rPr>
      <t>トリアゾール</t>
    </r>
    <r>
      <rPr>
        <sz val="10"/>
        <rFont val="Arial"/>
        <family val="2"/>
      </rPr>
      <t>-2-</t>
    </r>
    <r>
      <rPr>
        <sz val="10"/>
        <rFont val="ＭＳ Ｐゴシック"/>
        <family val="3"/>
        <charset val="128"/>
      </rPr>
      <t>イル）</t>
    </r>
    <r>
      <rPr>
        <sz val="10"/>
        <rFont val="Arial"/>
        <family val="2"/>
      </rPr>
      <t>-4,6-</t>
    </r>
    <r>
      <rPr>
        <sz val="10"/>
        <rFont val="ＭＳ Ｐゴシック"/>
        <family val="3"/>
        <charset val="128"/>
      </rPr>
      <t>ジ</t>
    </r>
    <r>
      <rPr>
        <sz val="10"/>
        <rFont val="Arial"/>
        <family val="2"/>
      </rPr>
      <t>-tert-</t>
    </r>
    <r>
      <rPr>
        <sz val="10"/>
        <rFont val="ＭＳ Ｐゴシック"/>
        <family val="3"/>
        <charset val="128"/>
      </rPr>
      <t>ブチルフェノール</t>
    </r>
  </si>
  <si>
    <r>
      <rPr>
        <sz val="10"/>
        <rFont val="ＭＳ Ｐゴシック"/>
        <family val="3"/>
        <charset val="128"/>
      </rPr>
      <t>ヘキサブロモシクロドデカン（</t>
    </r>
    <r>
      <rPr>
        <sz val="10"/>
        <rFont val="Arial"/>
        <family val="2"/>
      </rPr>
      <t>HBCDD</t>
    </r>
    <r>
      <rPr>
        <sz val="10"/>
        <rFont val="ＭＳ Ｐゴシック"/>
        <family val="3"/>
        <charset val="128"/>
      </rPr>
      <t>）</t>
    </r>
  </si>
  <si>
    <r>
      <rPr>
        <sz val="10"/>
        <rFont val="ＭＳ Ｐゴシック"/>
        <family val="3"/>
        <charset val="128"/>
      </rPr>
      <t>（</t>
    </r>
    <r>
      <rPr>
        <sz val="10"/>
        <rFont val="Arial"/>
        <family val="2"/>
      </rPr>
      <t>EU REACH</t>
    </r>
    <r>
      <rPr>
        <sz val="10"/>
        <rFont val="ＭＳ Ｐゴシック"/>
        <family val="3"/>
        <charset val="128"/>
      </rPr>
      <t>規則）※</t>
    </r>
    <rPh sb="9" eb="11">
      <t>キソク</t>
    </rPh>
    <phoneticPr fontId="5"/>
  </si>
  <si>
    <r>
      <rPr>
        <sz val="10"/>
        <rFont val="ＭＳ Ｐゴシック"/>
        <family val="3"/>
        <charset val="128"/>
      </rPr>
      <t>ジブチルスズ化合物（</t>
    </r>
    <r>
      <rPr>
        <sz val="10"/>
        <rFont val="Arial"/>
        <family val="2"/>
      </rPr>
      <t>DBT</t>
    </r>
    <r>
      <rPr>
        <sz val="10"/>
        <rFont val="ＭＳ Ｐゴシック"/>
        <family val="3"/>
        <charset val="128"/>
      </rPr>
      <t>）</t>
    </r>
  </si>
  <si>
    <r>
      <t xml:space="preserve">EU REACH </t>
    </r>
    <r>
      <rPr>
        <sz val="10"/>
        <rFont val="ＭＳ Ｐゴシック"/>
        <family val="3"/>
        <charset val="128"/>
      </rPr>
      <t>附属書</t>
    </r>
    <r>
      <rPr>
        <sz val="10"/>
        <rFont val="Arial"/>
        <family val="2"/>
      </rPr>
      <t>XVII</t>
    </r>
    <rPh sb="9" eb="12">
      <t>フゾクショ</t>
    </rPh>
    <phoneticPr fontId="5"/>
  </si>
  <si>
    <r>
      <t xml:space="preserve">B2. </t>
    </r>
    <r>
      <rPr>
        <sz val="10"/>
        <rFont val="ＭＳ Ｐゴシック"/>
        <family val="3"/>
        <charset val="128"/>
      </rPr>
      <t>その他</t>
    </r>
    <r>
      <rPr>
        <sz val="10"/>
        <rFont val="Arial"/>
        <family val="2"/>
      </rPr>
      <t xml:space="preserve"> </t>
    </r>
    <r>
      <rPr>
        <sz val="10"/>
        <rFont val="ＭＳ Ｐゴシック"/>
        <family val="3"/>
        <charset val="128"/>
      </rPr>
      <t>条件付禁止</t>
    </r>
  </si>
  <si>
    <r>
      <rPr>
        <sz val="10"/>
        <rFont val="ＭＳ Ｐゴシック"/>
        <family val="3"/>
        <charset val="128"/>
      </rPr>
      <t>パーフルオロオクタンスルホン酸塩（</t>
    </r>
    <r>
      <rPr>
        <sz val="10"/>
        <rFont val="Arial"/>
        <family val="2"/>
      </rPr>
      <t>PFOS</t>
    </r>
    <r>
      <rPr>
        <sz val="10"/>
        <rFont val="ＭＳ Ｐゴシック"/>
        <family val="3"/>
        <charset val="128"/>
      </rPr>
      <t>）</t>
    </r>
  </si>
  <si>
    <r>
      <rPr>
        <sz val="10"/>
        <rFont val="ＭＳ Ｐゴシック"/>
        <family val="3"/>
        <charset val="128"/>
      </rPr>
      <t>化審法、</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r>
      <rPr>
        <sz val="10"/>
        <rFont val="ＭＳ Ｐゴシック"/>
        <family val="3"/>
        <charset val="128"/>
      </rPr>
      <t>、カナダ環境保護法</t>
    </r>
    <rPh sb="0" eb="3">
      <t>カシンホウ</t>
    </rPh>
    <rPh sb="11" eb="13">
      <t>キソク</t>
    </rPh>
    <rPh sb="14" eb="17">
      <t>フゾクショ</t>
    </rPh>
    <rPh sb="22" eb="24">
      <t>カンキョウ</t>
    </rPh>
    <rPh sb="24" eb="27">
      <t>ホゴホウ</t>
    </rPh>
    <phoneticPr fontId="5"/>
  </si>
  <si>
    <r>
      <rPr>
        <sz val="10"/>
        <rFont val="ＭＳ Ｐゴシック"/>
        <family val="3"/>
        <charset val="128"/>
      </rPr>
      <t>フッ素系温室効果ガス（</t>
    </r>
    <r>
      <rPr>
        <sz val="10"/>
        <rFont val="Arial"/>
        <family val="2"/>
      </rPr>
      <t>HFC/PFC/SF6</t>
    </r>
    <r>
      <rPr>
        <sz val="10"/>
        <rFont val="ＭＳ Ｐゴシック"/>
        <family val="3"/>
        <charset val="128"/>
      </rPr>
      <t>）</t>
    </r>
  </si>
  <si>
    <r>
      <rPr>
        <sz val="10"/>
        <rFont val="ＭＳ Ｐゴシック"/>
        <family val="3"/>
        <charset val="128"/>
      </rPr>
      <t>ドイツ</t>
    </r>
    <r>
      <rPr>
        <sz val="10"/>
        <rFont val="Arial"/>
        <family val="2"/>
      </rPr>
      <t xml:space="preserve"> </t>
    </r>
    <r>
      <rPr>
        <sz val="10"/>
        <rFont val="ＭＳ Ｐゴシック"/>
        <family val="3"/>
        <charset val="128"/>
      </rPr>
      <t>化学品禁止規則、デンマーク</t>
    </r>
    <r>
      <rPr>
        <sz val="10"/>
        <rFont val="Arial"/>
        <family val="2"/>
      </rPr>
      <t xml:space="preserve"> </t>
    </r>
    <r>
      <rPr>
        <sz val="10"/>
        <rFont val="ＭＳ Ｐゴシック"/>
        <family val="3"/>
        <charset val="128"/>
      </rPr>
      <t>ホルムアルデヒド規制</t>
    </r>
    <rPh sb="4" eb="7">
      <t>カガクヒン</t>
    </rPh>
    <rPh sb="7" eb="9">
      <t>キンシ</t>
    </rPh>
    <rPh sb="9" eb="11">
      <t>キソク</t>
    </rPh>
    <rPh sb="26" eb="28">
      <t>キセイ</t>
    </rPh>
    <phoneticPr fontId="5"/>
  </si>
  <si>
    <r>
      <rPr>
        <sz val="10"/>
        <rFont val="ＭＳ Ｐゴシック"/>
        <family val="3"/>
        <charset val="128"/>
      </rPr>
      <t>米国加州</t>
    </r>
    <r>
      <rPr>
        <sz val="10"/>
        <rFont val="Arial"/>
        <family val="2"/>
      </rPr>
      <t xml:space="preserve"> </t>
    </r>
    <r>
      <rPr>
        <sz val="10"/>
        <rFont val="ＭＳ Ｐゴシック"/>
        <family val="3"/>
        <charset val="128"/>
      </rPr>
      <t>過塩素酸塩管理規則</t>
    </r>
    <rPh sb="0" eb="2">
      <t>ベイコク</t>
    </rPh>
    <rPh sb="2" eb="3">
      <t>カ</t>
    </rPh>
    <rPh sb="3" eb="4">
      <t>シュウ</t>
    </rPh>
    <rPh sb="5" eb="6">
      <t>カ</t>
    </rPh>
    <rPh sb="6" eb="8">
      <t>エンソ</t>
    </rPh>
    <rPh sb="8" eb="9">
      <t>サン</t>
    </rPh>
    <rPh sb="9" eb="10">
      <t>エン</t>
    </rPh>
    <rPh sb="10" eb="12">
      <t>カンリ</t>
    </rPh>
    <rPh sb="12" eb="14">
      <t>キソク</t>
    </rPh>
    <phoneticPr fontId="5"/>
  </si>
  <si>
    <r>
      <rPr>
        <sz val="10"/>
        <rFont val="ＭＳ Ｐゴシック"/>
        <family val="3"/>
        <charset val="128"/>
      </rPr>
      <t>ジオクチルスズ化合物</t>
    </r>
    <r>
      <rPr>
        <sz val="10"/>
        <rFont val="Arial"/>
        <family val="2"/>
      </rPr>
      <t xml:space="preserve"> </t>
    </r>
    <r>
      <rPr>
        <sz val="10"/>
        <rFont val="ＭＳ Ｐゴシック"/>
        <family val="3"/>
        <charset val="128"/>
      </rPr>
      <t>（</t>
    </r>
    <r>
      <rPr>
        <sz val="10"/>
        <rFont val="Arial"/>
        <family val="2"/>
      </rPr>
      <t>DOT</t>
    </r>
    <r>
      <rPr>
        <sz val="10"/>
        <rFont val="ＭＳ Ｐゴシック"/>
        <family val="3"/>
        <charset val="128"/>
      </rPr>
      <t>）</t>
    </r>
  </si>
  <si>
    <r>
      <rPr>
        <sz val="10"/>
        <rFont val="ＭＳ Ｐゴシック"/>
        <family val="3"/>
        <charset val="128"/>
      </rPr>
      <t>ノルウェー</t>
    </r>
    <r>
      <rPr>
        <sz val="10"/>
        <rFont val="Arial"/>
        <family val="2"/>
      </rPr>
      <t xml:space="preserve"> </t>
    </r>
    <r>
      <rPr>
        <sz val="10"/>
        <rFont val="ＭＳ Ｐゴシック"/>
        <family val="3"/>
        <charset val="128"/>
      </rPr>
      <t>有害化学物質およびその他の製品の使用制限に関する規則</t>
    </r>
    <rPh sb="30" eb="32">
      <t>キソク</t>
    </rPh>
    <phoneticPr fontId="5"/>
  </si>
  <si>
    <r>
      <rPr>
        <sz val="10"/>
        <rFont val="ＭＳ Ｐゴシック"/>
        <family val="3"/>
        <charset val="128"/>
      </rPr>
      <t>米国バーモント州</t>
    </r>
    <r>
      <rPr>
        <sz val="10"/>
        <rFont val="Arial"/>
        <family val="2"/>
      </rPr>
      <t>Act85</t>
    </r>
    <r>
      <rPr>
        <sz val="10"/>
        <rFont val="ＭＳ Ｐゴシック"/>
        <family val="3"/>
        <charset val="128"/>
      </rPr>
      <t>、（</t>
    </r>
    <r>
      <rPr>
        <sz val="10"/>
        <rFont val="Arial"/>
        <family val="2"/>
      </rPr>
      <t>EU REACH</t>
    </r>
    <r>
      <rPr>
        <sz val="10"/>
        <rFont val="ＭＳ Ｐゴシック"/>
        <family val="3"/>
        <charset val="128"/>
      </rPr>
      <t>規則）</t>
    </r>
    <rPh sb="0" eb="2">
      <t>ベイコク</t>
    </rPh>
    <rPh sb="7" eb="8">
      <t>シュウ</t>
    </rPh>
    <rPh sb="23" eb="25">
      <t>キソク</t>
    </rPh>
    <phoneticPr fontId="5"/>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Ph sb="11" eb="14">
      <t>フゾクショ</t>
    </rPh>
    <phoneticPr fontId="5"/>
  </si>
  <si>
    <r>
      <rPr>
        <sz val="10"/>
        <rFont val="ＭＳ Ｐゴシック"/>
        <family val="3"/>
        <charset val="128"/>
      </rPr>
      <t>オゾン層破壊物質</t>
    </r>
    <r>
      <rPr>
        <sz val="10"/>
        <rFont val="Arial"/>
        <family val="2"/>
      </rPr>
      <t xml:space="preserve"> </t>
    </r>
  </si>
  <si>
    <t>No.</t>
    <phoneticPr fontId="5"/>
  </si>
  <si>
    <r>
      <rPr>
        <sz val="10"/>
        <rFont val="ＭＳ Ｐゴシック"/>
        <family val="3"/>
        <charset val="128"/>
      </rPr>
      <t>米国バーモント州</t>
    </r>
    <r>
      <rPr>
        <sz val="10"/>
        <rFont val="Arial"/>
        <family val="2"/>
      </rPr>
      <t>Act85</t>
    </r>
    <r>
      <rPr>
        <sz val="10"/>
        <rFont val="ＭＳ Ｐゴシック"/>
        <family val="3"/>
        <charset val="128"/>
      </rPr>
      <t/>
    </r>
    <rPh sb="0" eb="2">
      <t>ベイコク</t>
    </rPh>
    <rPh sb="7" eb="8">
      <t>シュウ</t>
    </rPh>
    <phoneticPr fontId="5"/>
  </si>
  <si>
    <t>Red phosphorus</t>
    <phoneticPr fontId="5"/>
  </si>
  <si>
    <t xml:space="preserve">Used in the above (1) , and it is difficult to substitute, and a permission from the adoption decision department in Sharp was obtained.
</t>
    <phoneticPr fontId="5"/>
  </si>
  <si>
    <r>
      <rPr>
        <sz val="11"/>
        <rFont val="ＭＳ Ｐゴシック"/>
        <family val="3"/>
        <charset val="128"/>
      </rPr>
      <t>作成日／</t>
    </r>
    <r>
      <rPr>
        <sz val="9"/>
        <rFont val="Arial"/>
        <family val="2"/>
      </rPr>
      <t>Date (yyyy/mm/dd)</t>
    </r>
    <phoneticPr fontId="5"/>
  </si>
  <si>
    <r>
      <rPr>
        <sz val="11"/>
        <rFont val="ＭＳ Ｐゴシック"/>
        <family val="3"/>
        <charset val="128"/>
      </rPr>
      <t>会社名／</t>
    </r>
    <r>
      <rPr>
        <sz val="9"/>
        <rFont val="Arial"/>
        <family val="2"/>
      </rPr>
      <t>Company Name</t>
    </r>
    <phoneticPr fontId="5"/>
  </si>
  <si>
    <r>
      <rPr>
        <sz val="11"/>
        <rFont val="ＭＳ Ｐゴシック"/>
        <family val="3"/>
        <charset val="128"/>
      </rPr>
      <t>部署名／</t>
    </r>
    <r>
      <rPr>
        <sz val="9"/>
        <rFont val="Arial"/>
        <family val="2"/>
      </rPr>
      <t>Department</t>
    </r>
    <phoneticPr fontId="5"/>
  </si>
  <si>
    <r>
      <rPr>
        <b/>
        <sz val="11"/>
        <rFont val="ＭＳ Ｐゴシック"/>
        <family val="3"/>
        <charset val="128"/>
      </rPr>
      <t>調査確認製品／</t>
    </r>
    <r>
      <rPr>
        <b/>
        <sz val="9"/>
        <rFont val="Arial"/>
        <family val="2"/>
      </rPr>
      <t>Information on surveyed product</t>
    </r>
    <phoneticPr fontId="5"/>
  </si>
  <si>
    <r>
      <t>1</t>
    </r>
    <r>
      <rPr>
        <sz val="11"/>
        <rFont val="ＭＳ Ｐゴシック"/>
        <family val="3"/>
        <charset val="128"/>
      </rPr>
      <t>）シャープ部品コード／</t>
    </r>
    <r>
      <rPr>
        <sz val="9"/>
        <rFont val="Arial"/>
        <family val="2"/>
      </rPr>
      <t>Sharp Part Code</t>
    </r>
    <phoneticPr fontId="5"/>
  </si>
  <si>
    <r>
      <t>2</t>
    </r>
    <r>
      <rPr>
        <sz val="11"/>
        <rFont val="ＭＳ Ｐゴシック"/>
        <family val="3"/>
        <charset val="128"/>
      </rPr>
      <t>）製品名／</t>
    </r>
    <r>
      <rPr>
        <sz val="9"/>
        <rFont val="Arial"/>
        <family val="2"/>
      </rPr>
      <t>Product Name</t>
    </r>
    <phoneticPr fontId="5"/>
  </si>
  <si>
    <r>
      <t>3</t>
    </r>
    <r>
      <rPr>
        <sz val="11"/>
        <rFont val="ＭＳ Ｐゴシック"/>
        <family val="3"/>
        <charset val="128"/>
      </rPr>
      <t>）メーカー型番／</t>
    </r>
    <r>
      <rPr>
        <sz val="9"/>
        <rFont val="Arial"/>
        <family val="2"/>
      </rPr>
      <t>Manufacturer's Model Code</t>
    </r>
    <phoneticPr fontId="5"/>
  </si>
  <si>
    <r>
      <t>4</t>
    </r>
    <r>
      <rPr>
        <sz val="11"/>
        <rFont val="ＭＳ Ｐゴシック"/>
        <family val="3"/>
        <charset val="128"/>
      </rPr>
      <t>）製品質量［</t>
    </r>
    <r>
      <rPr>
        <sz val="11"/>
        <rFont val="Arial"/>
        <family val="2"/>
      </rPr>
      <t>g</t>
    </r>
    <r>
      <rPr>
        <sz val="11"/>
        <rFont val="ＭＳ Ｐゴシック"/>
        <family val="3"/>
        <charset val="128"/>
      </rPr>
      <t>］／</t>
    </r>
    <r>
      <rPr>
        <sz val="9"/>
        <rFont val="Arial"/>
        <family val="2"/>
      </rPr>
      <t>Product Weight [g]</t>
    </r>
    <phoneticPr fontId="5"/>
  </si>
  <si>
    <r>
      <t>A.RoHS</t>
    </r>
    <r>
      <rPr>
        <b/>
        <sz val="12"/>
        <color theme="1"/>
        <rFont val="ＭＳ Ｐゴシック"/>
        <family val="2"/>
        <charset val="128"/>
      </rPr>
      <t>関連／</t>
    </r>
    <r>
      <rPr>
        <b/>
        <sz val="8"/>
        <color theme="1"/>
        <rFont val="Arial"/>
        <family val="2"/>
      </rPr>
      <t>RoHS-related</t>
    </r>
    <phoneticPr fontId="5"/>
  </si>
  <si>
    <r>
      <rPr>
        <sz val="11"/>
        <color theme="1"/>
        <rFont val="ＭＳ Ｐゴシック"/>
        <family val="2"/>
        <charset val="128"/>
      </rPr>
      <t>化学物質名／</t>
    </r>
    <r>
      <rPr>
        <sz val="9"/>
        <color theme="1"/>
        <rFont val="Arial"/>
        <family val="2"/>
      </rPr>
      <t>Substances</t>
    </r>
    <phoneticPr fontId="5"/>
  </si>
  <si>
    <r>
      <rPr>
        <sz val="11"/>
        <color theme="1"/>
        <rFont val="ＭＳ Ｐゴシック"/>
        <family val="2"/>
        <charset val="128"/>
      </rPr>
      <t>確認内容（判定基準）／</t>
    </r>
    <r>
      <rPr>
        <sz val="9"/>
        <color theme="1"/>
        <rFont val="Arial"/>
        <family val="2"/>
      </rPr>
      <t>Check point (Criteria)</t>
    </r>
    <r>
      <rPr>
        <sz val="11"/>
        <color theme="1"/>
        <rFont val="Arial"/>
        <family val="2"/>
      </rPr>
      <t xml:space="preserve"> *1) </t>
    </r>
    <phoneticPr fontId="5"/>
  </si>
  <si>
    <r>
      <rPr>
        <sz val="11"/>
        <color theme="1"/>
        <rFont val="ＭＳ Ｐゴシック"/>
        <family val="2"/>
        <charset val="128"/>
      </rPr>
      <t>六価クロム化合物／</t>
    </r>
    <phoneticPr fontId="5"/>
  </si>
  <si>
    <r>
      <t>1000ppm</t>
    </r>
    <r>
      <rPr>
        <sz val="11"/>
        <color theme="1"/>
        <rFont val="ＭＳ Ｐゴシック"/>
        <family val="2"/>
        <charset val="128"/>
      </rPr>
      <t>以下の含有である。ただし、皮膚に接触する皮革製品・部品中は、皮革の合計乾燥重量あたり</t>
    </r>
    <r>
      <rPr>
        <sz val="11"/>
        <color theme="1"/>
        <rFont val="Arial"/>
        <family val="2"/>
      </rPr>
      <t>3ppm</t>
    </r>
    <r>
      <rPr>
        <sz val="11"/>
        <color theme="1"/>
        <rFont val="ＭＳ Ｐゴシック"/>
        <family val="2"/>
        <charset val="128"/>
      </rPr>
      <t>未満である／</t>
    </r>
    <phoneticPr fontId="5"/>
  </si>
  <si>
    <r>
      <rPr>
        <sz val="11"/>
        <color theme="1"/>
        <rFont val="ＭＳ Ｐゴシック"/>
        <family val="2"/>
        <charset val="128"/>
      </rPr>
      <t>ポリ臭化ビフェニル類</t>
    </r>
    <r>
      <rPr>
        <sz val="11"/>
        <color theme="1"/>
        <rFont val="Arial"/>
        <family val="2"/>
      </rPr>
      <t xml:space="preserve"> </t>
    </r>
    <r>
      <rPr>
        <sz val="11"/>
        <color theme="1"/>
        <rFont val="ＭＳ Ｐゴシック"/>
        <family val="2"/>
        <charset val="128"/>
      </rPr>
      <t>（</t>
    </r>
    <r>
      <rPr>
        <sz val="11"/>
        <color theme="1"/>
        <rFont val="Arial"/>
        <family val="2"/>
      </rPr>
      <t>PBB</t>
    </r>
    <r>
      <rPr>
        <sz val="11"/>
        <color theme="1"/>
        <rFont val="ＭＳ Ｐゴシック"/>
        <family val="2"/>
        <charset val="128"/>
      </rPr>
      <t>類）／</t>
    </r>
    <phoneticPr fontId="5"/>
  </si>
  <si>
    <r>
      <t>1000ppm</t>
    </r>
    <r>
      <rPr>
        <sz val="11"/>
        <color theme="1"/>
        <rFont val="ＭＳ Ｐゴシック"/>
        <family val="2"/>
        <charset val="128"/>
      </rPr>
      <t>以下の含有である／</t>
    </r>
    <phoneticPr fontId="5"/>
  </si>
  <si>
    <r>
      <rPr>
        <sz val="11"/>
        <color theme="1"/>
        <rFont val="ＭＳ Ｐゴシック"/>
        <family val="2"/>
        <charset val="128"/>
      </rPr>
      <t>ポリ臭化ジフェニルエーテル類（</t>
    </r>
    <r>
      <rPr>
        <sz val="11"/>
        <color theme="1"/>
        <rFont val="Arial"/>
        <family val="2"/>
      </rPr>
      <t>PBDE</t>
    </r>
    <r>
      <rPr>
        <sz val="11"/>
        <color theme="1"/>
        <rFont val="ＭＳ Ｐゴシック"/>
        <family val="2"/>
        <charset val="128"/>
      </rPr>
      <t>類）／</t>
    </r>
    <phoneticPr fontId="5"/>
  </si>
  <si>
    <r>
      <rPr>
        <sz val="11"/>
        <color theme="1"/>
        <rFont val="ＭＳ Ｐゴシック"/>
        <family val="2"/>
        <charset val="128"/>
      </rPr>
      <t>それぞれ</t>
    </r>
    <r>
      <rPr>
        <sz val="11"/>
        <color theme="1"/>
        <rFont val="Arial"/>
        <family val="2"/>
      </rPr>
      <t>1000ppm</t>
    </r>
    <r>
      <rPr>
        <sz val="11"/>
        <color theme="1"/>
        <rFont val="ＭＳ Ｐゴシック"/>
        <family val="2"/>
        <charset val="128"/>
      </rPr>
      <t>以下の含有である。</t>
    </r>
    <r>
      <rPr>
        <sz val="11"/>
        <color theme="1"/>
        <rFont val="Arial"/>
        <family val="2"/>
      </rPr>
      <t xml:space="preserve"> _x000D_
_x000D_</t>
    </r>
    <r>
      <rPr>
        <sz val="11"/>
        <color theme="1"/>
        <rFont val="ＭＳ Ｐゴシック"/>
        <family val="2"/>
        <charset val="128"/>
      </rPr>
      <t>玩具用途の製品に使用される部品・材料の場合は、</t>
    </r>
    <r>
      <rPr>
        <sz val="11"/>
        <color theme="1"/>
        <rFont val="Arial"/>
        <family val="2"/>
      </rPr>
      <t>3</t>
    </r>
    <r>
      <rPr>
        <sz val="11"/>
        <color theme="1"/>
        <rFont val="ＭＳ Ｐゴシック"/>
        <family val="2"/>
        <charset val="128"/>
      </rPr>
      <t>物質（</t>
    </r>
    <r>
      <rPr>
        <sz val="11"/>
        <color theme="1"/>
        <rFont val="Arial"/>
        <family val="2"/>
      </rPr>
      <t>DEHP</t>
    </r>
    <r>
      <rPr>
        <sz val="11"/>
        <color theme="1"/>
        <rFont val="ＭＳ Ｐゴシック"/>
        <family val="2"/>
        <charset val="128"/>
      </rPr>
      <t>、</t>
    </r>
    <r>
      <rPr>
        <sz val="11"/>
        <color theme="1"/>
        <rFont val="Arial"/>
        <family val="2"/>
      </rPr>
      <t>DBP</t>
    </r>
    <r>
      <rPr>
        <sz val="11"/>
        <color theme="1"/>
        <rFont val="ＭＳ Ｐゴシック"/>
        <family val="2"/>
        <charset val="128"/>
      </rPr>
      <t>、</t>
    </r>
    <r>
      <rPr>
        <sz val="11"/>
        <color theme="1"/>
        <rFont val="Arial"/>
        <family val="2"/>
      </rPr>
      <t>BBP</t>
    </r>
    <r>
      <rPr>
        <sz val="11"/>
        <color theme="1"/>
        <rFont val="ＭＳ Ｐゴシック"/>
        <family val="2"/>
        <charset val="128"/>
      </rPr>
      <t>）の合計が、</t>
    </r>
    <r>
      <rPr>
        <sz val="11"/>
        <color theme="1"/>
        <rFont val="Arial"/>
        <family val="2"/>
      </rPr>
      <t>1000ppm</t>
    </r>
    <r>
      <rPr>
        <sz val="11"/>
        <color theme="1"/>
        <rFont val="ＭＳ Ｐゴシック"/>
        <family val="2"/>
        <charset val="128"/>
      </rPr>
      <t>以下の含有である／</t>
    </r>
    <phoneticPr fontId="8"/>
  </si>
  <si>
    <r>
      <rPr>
        <sz val="11"/>
        <color theme="1"/>
        <rFont val="ＭＳ Ｐゴシック"/>
        <family val="2"/>
        <charset val="128"/>
      </rPr>
      <t>化学物質名／</t>
    </r>
    <r>
      <rPr>
        <sz val="9"/>
        <color theme="1"/>
        <rFont val="Arial"/>
        <family val="2"/>
      </rPr>
      <t>Substances</t>
    </r>
    <phoneticPr fontId="5"/>
  </si>
  <si>
    <r>
      <rPr>
        <sz val="11"/>
        <color theme="1"/>
        <rFont val="ＭＳ Ｐゴシック"/>
        <family val="2"/>
        <charset val="128"/>
      </rPr>
      <t>確認内容（判定基準）／</t>
    </r>
    <r>
      <rPr>
        <sz val="9"/>
        <color theme="1"/>
        <rFont val="Arial"/>
        <family val="2"/>
      </rPr>
      <t>Check point (Criteria)</t>
    </r>
    <r>
      <rPr>
        <sz val="11"/>
        <color theme="1"/>
        <rFont val="Arial"/>
        <family val="2"/>
      </rPr>
      <t xml:space="preserve"> *1) </t>
    </r>
    <phoneticPr fontId="5"/>
  </si>
  <si>
    <r>
      <t>100ppm</t>
    </r>
    <r>
      <rPr>
        <sz val="11"/>
        <color theme="1"/>
        <rFont val="ＭＳ Ｐゴシック"/>
        <family val="2"/>
        <charset val="128"/>
      </rPr>
      <t>以下の含有である。また、電池に関しては、</t>
    </r>
    <r>
      <rPr>
        <sz val="11"/>
        <color theme="1"/>
        <rFont val="Arial"/>
        <family val="2"/>
      </rPr>
      <t>EU</t>
    </r>
    <r>
      <rPr>
        <sz val="11"/>
        <color theme="1"/>
        <rFont val="ＭＳ Ｐゴシック"/>
        <family val="2"/>
        <charset val="128"/>
      </rPr>
      <t>電池指令（</t>
    </r>
    <r>
      <rPr>
        <sz val="11"/>
        <color theme="1"/>
        <rFont val="Arial"/>
        <family val="2"/>
      </rPr>
      <t>2006/66/EC</t>
    </r>
    <r>
      <rPr>
        <sz val="11"/>
        <color theme="1"/>
        <rFont val="ＭＳ Ｐゴシック"/>
        <family val="2"/>
        <charset val="128"/>
      </rPr>
      <t>、</t>
    </r>
    <r>
      <rPr>
        <sz val="11"/>
        <color theme="1"/>
        <rFont val="Arial"/>
        <family val="2"/>
      </rPr>
      <t>2013/56/EU</t>
    </r>
    <r>
      <rPr>
        <sz val="11"/>
        <color theme="1"/>
        <rFont val="ＭＳ Ｐゴシック"/>
        <family val="2"/>
        <charset val="128"/>
      </rPr>
      <t>）を満足している／</t>
    </r>
    <phoneticPr fontId="5"/>
  </si>
  <si>
    <r>
      <rPr>
        <sz val="11"/>
        <color theme="1"/>
        <rFont val="ＭＳ Ｐゴシック"/>
        <family val="2"/>
        <charset val="128"/>
      </rPr>
      <t>鉛及びその化合物／</t>
    </r>
    <phoneticPr fontId="5"/>
  </si>
  <si>
    <r>
      <rPr>
        <sz val="11"/>
        <color theme="1"/>
        <rFont val="ＭＳ Ｐゴシック"/>
        <family val="2"/>
        <charset val="128"/>
      </rPr>
      <t>プラスチック類は</t>
    </r>
    <r>
      <rPr>
        <sz val="11"/>
        <color theme="1"/>
        <rFont val="Arial"/>
        <family val="2"/>
      </rPr>
      <t>300ppm</t>
    </r>
    <r>
      <rPr>
        <sz val="11"/>
        <color theme="1"/>
        <rFont val="ＭＳ Ｐゴシック"/>
        <family val="2"/>
        <charset val="128"/>
      </rPr>
      <t>以下、その他は</t>
    </r>
    <r>
      <rPr>
        <sz val="11"/>
        <color theme="1"/>
        <rFont val="Arial"/>
        <family val="2"/>
      </rPr>
      <t>1000ppm</t>
    </r>
    <r>
      <rPr>
        <sz val="11"/>
        <color theme="1"/>
        <rFont val="ＭＳ Ｐゴシック"/>
        <family val="2"/>
        <charset val="128"/>
      </rPr>
      <t>以下の含有である。また、電池に関しては、</t>
    </r>
    <r>
      <rPr>
        <sz val="11"/>
        <color theme="1"/>
        <rFont val="Arial"/>
        <family val="2"/>
      </rPr>
      <t>EU</t>
    </r>
    <r>
      <rPr>
        <sz val="11"/>
        <color theme="1"/>
        <rFont val="ＭＳ Ｐゴシック"/>
        <family val="2"/>
        <charset val="128"/>
      </rPr>
      <t>電池指令（</t>
    </r>
    <r>
      <rPr>
        <sz val="11"/>
        <color theme="1"/>
        <rFont val="Arial"/>
        <family val="2"/>
      </rPr>
      <t>2006/66/EC</t>
    </r>
    <r>
      <rPr>
        <sz val="11"/>
        <color theme="1"/>
        <rFont val="ＭＳ Ｐゴシック"/>
        <family val="2"/>
        <charset val="128"/>
      </rPr>
      <t>、</t>
    </r>
    <r>
      <rPr>
        <sz val="11"/>
        <color theme="1"/>
        <rFont val="Arial"/>
        <family val="2"/>
      </rPr>
      <t>2013/56/EU</t>
    </r>
    <r>
      <rPr>
        <sz val="11"/>
        <color theme="1"/>
        <rFont val="ＭＳ Ｐゴシック"/>
        <family val="2"/>
        <charset val="128"/>
      </rPr>
      <t>）を満足している。ただし、おもちゃや子供向け用途の場合は、別途</t>
    </r>
    <r>
      <rPr>
        <sz val="11"/>
        <color theme="1"/>
        <rFont val="Arial"/>
        <family val="2"/>
      </rPr>
      <t>A2-</t>
    </r>
    <r>
      <rPr>
        <sz val="11"/>
        <color theme="1"/>
        <rFont val="ＭＳ Ｐゴシック"/>
        <family val="2"/>
        <charset val="128"/>
      </rPr>
      <t>別表に回答／</t>
    </r>
    <phoneticPr fontId="5"/>
  </si>
  <si>
    <r>
      <t xml:space="preserve">*1) </t>
    </r>
    <r>
      <rPr>
        <sz val="9"/>
        <color theme="1"/>
        <rFont val="ＭＳ Ｐゴシック"/>
        <family val="3"/>
        <charset val="128"/>
      </rPr>
      <t>含有率の算出単位は特に記載のない場合は均質材料です／</t>
    </r>
    <phoneticPr fontId="5"/>
  </si>
  <si>
    <r>
      <t>B.</t>
    </r>
    <r>
      <rPr>
        <b/>
        <sz val="12"/>
        <color theme="1"/>
        <rFont val="ＭＳ Ｐゴシック"/>
        <family val="2"/>
        <charset val="128"/>
      </rPr>
      <t>その他／</t>
    </r>
    <r>
      <rPr>
        <b/>
        <sz val="9"/>
        <color theme="1"/>
        <rFont val="Arial"/>
        <family val="2"/>
      </rPr>
      <t>Others</t>
    </r>
    <phoneticPr fontId="5"/>
  </si>
  <si>
    <r>
      <rPr>
        <sz val="11"/>
        <color theme="1"/>
        <rFont val="ＭＳ Ｐゴシック"/>
        <family val="2"/>
        <charset val="128"/>
      </rPr>
      <t>化学物質名／</t>
    </r>
    <r>
      <rPr>
        <sz val="9"/>
        <color theme="1"/>
        <rFont val="Arial"/>
        <family val="2"/>
      </rPr>
      <t>Substances</t>
    </r>
    <phoneticPr fontId="5"/>
  </si>
  <si>
    <r>
      <rPr>
        <sz val="11"/>
        <color theme="1"/>
        <rFont val="ＭＳ Ｐゴシック"/>
        <family val="2"/>
        <charset val="128"/>
      </rPr>
      <t>確認内容（判定基準）／</t>
    </r>
    <r>
      <rPr>
        <sz val="9"/>
        <color theme="1"/>
        <rFont val="Arial"/>
        <family val="2"/>
      </rPr>
      <t>Check point (Criteria)</t>
    </r>
    <r>
      <rPr>
        <sz val="11"/>
        <color theme="1"/>
        <rFont val="Arial"/>
        <family val="2"/>
      </rPr>
      <t xml:space="preserve"> *1) </t>
    </r>
    <phoneticPr fontId="5"/>
  </si>
  <si>
    <r>
      <rPr>
        <sz val="11"/>
        <color theme="1"/>
        <rFont val="ＭＳ Ｐゴシック"/>
        <family val="2"/>
        <charset val="128"/>
      </rPr>
      <t>トリブチルスズ</t>
    </r>
    <r>
      <rPr>
        <sz val="11"/>
        <color theme="1"/>
        <rFont val="Arial"/>
        <family val="2"/>
      </rPr>
      <t>=</t>
    </r>
    <r>
      <rPr>
        <sz val="11"/>
        <color theme="1"/>
        <rFont val="ＭＳ Ｐゴシック"/>
        <family val="2"/>
        <charset val="128"/>
      </rPr>
      <t>オキシド（</t>
    </r>
    <r>
      <rPr>
        <sz val="11"/>
        <color theme="1"/>
        <rFont val="Arial"/>
        <family val="2"/>
      </rPr>
      <t>TBTO</t>
    </r>
    <r>
      <rPr>
        <sz val="11"/>
        <color theme="1"/>
        <rFont val="ＭＳ Ｐゴシック"/>
        <family val="2"/>
        <charset val="128"/>
      </rPr>
      <t>）／</t>
    </r>
    <phoneticPr fontId="5"/>
  </si>
  <si>
    <r>
      <rPr>
        <sz val="11"/>
        <color theme="1"/>
        <rFont val="ＭＳ Ｐゴシック"/>
        <family val="2"/>
        <charset val="128"/>
      </rPr>
      <t>意図的に添加せず、かつ</t>
    </r>
    <r>
      <rPr>
        <sz val="11"/>
        <color theme="1"/>
        <rFont val="Arial"/>
        <family val="2"/>
      </rPr>
      <t>1000ppm</t>
    </r>
    <r>
      <rPr>
        <sz val="11"/>
        <color theme="1"/>
        <rFont val="ＭＳ Ｐゴシック"/>
        <family val="2"/>
        <charset val="128"/>
      </rPr>
      <t>以下の含有である／</t>
    </r>
    <phoneticPr fontId="5"/>
  </si>
  <si>
    <r>
      <rPr>
        <sz val="11"/>
        <color theme="1"/>
        <rFont val="ＭＳ Ｐゴシック"/>
        <family val="2"/>
        <charset val="128"/>
      </rPr>
      <t>三置換有機スズ化合物／</t>
    </r>
    <phoneticPr fontId="5"/>
  </si>
  <si>
    <r>
      <rPr>
        <sz val="11"/>
        <color theme="1"/>
        <rFont val="ＭＳ Ｐゴシック"/>
        <family val="2"/>
        <charset val="128"/>
      </rPr>
      <t>意図的に添加せず、かつ</t>
    </r>
    <r>
      <rPr>
        <sz val="11"/>
        <color theme="1"/>
        <rFont val="Arial"/>
        <family val="2"/>
      </rPr>
      <t>1000ppm</t>
    </r>
    <r>
      <rPr>
        <sz val="11"/>
        <color theme="1"/>
        <rFont val="ＭＳ Ｐゴシック"/>
        <family val="2"/>
        <charset val="128"/>
      </rPr>
      <t>以下の含有である／</t>
    </r>
    <phoneticPr fontId="5"/>
  </si>
  <si>
    <r>
      <rPr>
        <sz val="11"/>
        <color theme="1"/>
        <rFont val="ＭＳ Ｐゴシック"/>
        <family val="2"/>
        <charset val="128"/>
      </rPr>
      <t>短鎖型塩化パラフィン／</t>
    </r>
    <phoneticPr fontId="5"/>
  </si>
  <si>
    <r>
      <rPr>
        <sz val="11"/>
        <color theme="1"/>
        <rFont val="ＭＳ Ｐゴシック"/>
        <family val="2"/>
        <charset val="128"/>
      </rPr>
      <t>アスベスト類／</t>
    </r>
    <phoneticPr fontId="5"/>
  </si>
  <si>
    <r>
      <rPr>
        <sz val="11"/>
        <color theme="1"/>
        <rFont val="ＭＳ Ｐゴシック"/>
        <family val="2"/>
        <charset val="128"/>
      </rPr>
      <t>ベリリウム及びその化合物／</t>
    </r>
    <phoneticPr fontId="5"/>
  </si>
  <si>
    <r>
      <rPr>
        <sz val="11"/>
        <color theme="1"/>
        <rFont val="ＭＳ Ｐゴシック"/>
        <family val="2"/>
        <charset val="128"/>
      </rPr>
      <t>意図的に添加せず、かつ</t>
    </r>
    <r>
      <rPr>
        <sz val="11"/>
        <color theme="1"/>
        <rFont val="Arial"/>
        <family val="2"/>
      </rPr>
      <t>1000ppm</t>
    </r>
    <r>
      <rPr>
        <sz val="11"/>
        <color theme="1"/>
        <rFont val="ＭＳ Ｐゴシック"/>
        <family val="2"/>
        <charset val="128"/>
      </rPr>
      <t>以下の含有である／</t>
    </r>
    <phoneticPr fontId="5"/>
  </si>
  <si>
    <r>
      <rPr>
        <sz val="11"/>
        <color theme="1"/>
        <rFont val="ＭＳ Ｐゴシック"/>
        <family val="2"/>
        <charset val="128"/>
      </rPr>
      <t>意図的に添加せず、かつ物質・調剤は</t>
    </r>
    <r>
      <rPr>
        <sz val="11"/>
        <color theme="1"/>
        <rFont val="Arial"/>
        <family val="2"/>
      </rPr>
      <t>50ppm</t>
    </r>
    <r>
      <rPr>
        <sz val="11"/>
        <color theme="1"/>
        <rFont val="ＭＳ Ｐゴシック"/>
        <family val="2"/>
        <charset val="128"/>
      </rPr>
      <t>以下、物質・調剤以外の半製品・成形品等は</t>
    </r>
    <r>
      <rPr>
        <sz val="11"/>
        <color theme="1"/>
        <rFont val="Arial"/>
        <family val="2"/>
      </rPr>
      <t>1000ppm</t>
    </r>
    <r>
      <rPr>
        <sz val="11"/>
        <color theme="1"/>
        <rFont val="ＭＳ Ｐゴシック"/>
        <family val="2"/>
        <charset val="128"/>
      </rPr>
      <t>以下、</t>
    </r>
    <r>
      <rPr>
        <sz val="11"/>
        <color theme="1"/>
        <rFont val="Arial"/>
        <family val="2"/>
      </rPr>
      <t xml:space="preserve"> </t>
    </r>
    <r>
      <rPr>
        <sz val="11"/>
        <color theme="1"/>
        <rFont val="ＭＳ Ｐゴシック"/>
        <family val="2"/>
        <charset val="128"/>
      </rPr>
      <t>被覆材は</t>
    </r>
    <r>
      <rPr>
        <sz val="11"/>
        <color theme="1"/>
        <rFont val="Arial"/>
        <family val="2"/>
      </rPr>
      <t>1μg</t>
    </r>
    <r>
      <rPr>
        <sz val="11"/>
        <color theme="1"/>
        <rFont val="ＭＳ Ｐゴシック"/>
        <family val="2"/>
        <charset val="128"/>
      </rPr>
      <t>／</t>
    </r>
    <r>
      <rPr>
        <sz val="11"/>
        <color theme="1"/>
        <rFont val="Arial"/>
        <family val="2"/>
      </rPr>
      <t>m</t>
    </r>
    <r>
      <rPr>
        <vertAlign val="superscript"/>
        <sz val="11"/>
        <color theme="1"/>
        <rFont val="Arial"/>
        <family val="2"/>
      </rPr>
      <t>2</t>
    </r>
    <r>
      <rPr>
        <sz val="11"/>
        <color theme="1"/>
        <rFont val="ＭＳ Ｐゴシック"/>
        <family val="2"/>
        <charset val="128"/>
      </rPr>
      <t>以下の含有である／</t>
    </r>
    <phoneticPr fontId="5"/>
  </si>
  <si>
    <r>
      <t>Not intentionally added, and Content in substance/preparation is 50ppm or less, Content of sub-product/article etc. except substance/preparation is 1000ppm or less, Content of coating agent is 1μg/m</t>
    </r>
    <r>
      <rPr>
        <vertAlign val="superscript"/>
        <sz val="9"/>
        <color theme="1"/>
        <rFont val="Arial"/>
        <family val="2"/>
      </rPr>
      <t>2</t>
    </r>
    <r>
      <rPr>
        <sz val="9"/>
        <color theme="1"/>
        <rFont val="Arial"/>
        <family val="2"/>
      </rPr>
      <t xml:space="preserve"> or less.</t>
    </r>
    <phoneticPr fontId="5"/>
  </si>
  <si>
    <r>
      <rPr>
        <sz val="11"/>
        <color theme="1"/>
        <rFont val="ＭＳ Ｐゴシック"/>
        <family val="2"/>
        <charset val="128"/>
      </rPr>
      <t>フッ素系温室効果ガス（</t>
    </r>
    <r>
      <rPr>
        <sz val="11"/>
        <color theme="1"/>
        <rFont val="Arial"/>
        <family val="2"/>
      </rPr>
      <t>HFC/PFC/SF6</t>
    </r>
    <r>
      <rPr>
        <sz val="11"/>
        <color theme="1"/>
        <rFont val="ＭＳ Ｐゴシック"/>
        <family val="2"/>
        <charset val="128"/>
      </rPr>
      <t>）／</t>
    </r>
    <phoneticPr fontId="5"/>
  </si>
  <si>
    <r>
      <rPr>
        <sz val="11"/>
        <color theme="1"/>
        <rFont val="ＭＳ Ｐゴシック"/>
        <family val="2"/>
        <charset val="128"/>
      </rPr>
      <t>木製部品</t>
    </r>
    <r>
      <rPr>
        <sz val="11"/>
        <color theme="1"/>
        <rFont val="Arial"/>
        <family val="2"/>
      </rPr>
      <t xml:space="preserve"> </t>
    </r>
    <r>
      <rPr>
        <sz val="11"/>
        <color theme="1"/>
        <rFont val="ＭＳ Ｐゴシック"/>
        <family val="2"/>
        <charset val="128"/>
      </rPr>
      <t>：</t>
    </r>
    <r>
      <rPr>
        <sz val="11"/>
        <color theme="1"/>
        <rFont val="Arial"/>
        <family val="2"/>
      </rPr>
      <t xml:space="preserve"> </t>
    </r>
    <r>
      <rPr>
        <sz val="11"/>
        <color theme="1"/>
        <rFont val="ＭＳ Ｐゴシック"/>
        <family val="2"/>
        <charset val="128"/>
      </rPr>
      <t>気中濃度</t>
    </r>
    <r>
      <rPr>
        <sz val="11"/>
        <color theme="1"/>
        <rFont val="Arial"/>
        <family val="2"/>
      </rPr>
      <t>0.1ppm</t>
    </r>
    <r>
      <rPr>
        <sz val="11"/>
        <color theme="1"/>
        <rFont val="ＭＳ Ｐゴシック"/>
        <family val="2"/>
        <charset val="128"/>
      </rPr>
      <t>以下（チャンバー法）、
プラスチック・繊維等</t>
    </r>
    <r>
      <rPr>
        <sz val="11"/>
        <color theme="1"/>
        <rFont val="Arial"/>
        <family val="2"/>
      </rPr>
      <t xml:space="preserve"> </t>
    </r>
    <r>
      <rPr>
        <sz val="11"/>
        <color theme="1"/>
        <rFont val="ＭＳ Ｐゴシック"/>
        <family val="2"/>
        <charset val="128"/>
      </rPr>
      <t>：</t>
    </r>
    <r>
      <rPr>
        <sz val="11"/>
        <color theme="1"/>
        <rFont val="Arial"/>
        <family val="2"/>
      </rPr>
      <t xml:space="preserve"> 75ppm</t>
    </r>
    <r>
      <rPr>
        <sz val="11"/>
        <color theme="1"/>
        <rFont val="ＭＳ Ｐゴシック"/>
        <family val="2"/>
        <charset val="128"/>
      </rPr>
      <t>以下の含有である／</t>
    </r>
    <phoneticPr fontId="5"/>
  </si>
  <si>
    <r>
      <t xml:space="preserve">&lt; </t>
    </r>
    <r>
      <rPr>
        <sz val="9"/>
        <rFont val="ＭＳ Ｐゴシック"/>
        <family val="3"/>
        <charset val="128"/>
      </rPr>
      <t>次ページへ／</t>
    </r>
    <r>
      <rPr>
        <sz val="9"/>
        <rFont val="Arial"/>
        <family val="2"/>
      </rPr>
      <t>Continued on the next page.&gt;</t>
    </r>
    <phoneticPr fontId="5"/>
  </si>
  <si>
    <r>
      <t>*2) “</t>
    </r>
    <r>
      <rPr>
        <sz val="9"/>
        <color theme="1"/>
        <rFont val="ＭＳ Ｐゴシック"/>
        <family val="3"/>
        <charset val="128"/>
      </rPr>
      <t>パーフルオロオクタンスルホン酸及びその塩</t>
    </r>
    <r>
      <rPr>
        <sz val="9"/>
        <color theme="1"/>
        <rFont val="Arial"/>
        <family val="2"/>
      </rPr>
      <t>”</t>
    </r>
    <r>
      <rPr>
        <sz val="9"/>
        <color theme="1"/>
        <rFont val="ＭＳ Ｐゴシック"/>
        <family val="3"/>
        <charset val="128"/>
      </rPr>
      <t>に関しては、</t>
    </r>
    <r>
      <rPr>
        <sz val="9"/>
        <color theme="1"/>
        <rFont val="Arial"/>
        <family val="2"/>
      </rPr>
      <t xml:space="preserve">CAS No. </t>
    </r>
    <r>
      <rPr>
        <sz val="9"/>
        <color theme="1"/>
        <rFont val="ＭＳ Ｐゴシック"/>
        <family val="3"/>
        <charset val="128"/>
      </rPr>
      <t>が次のものが対象です。（</t>
    </r>
    <r>
      <rPr>
        <sz val="9"/>
        <color theme="1"/>
        <rFont val="Arial"/>
        <family val="2"/>
      </rPr>
      <t>1763-23-1</t>
    </r>
    <r>
      <rPr>
        <sz val="9"/>
        <color theme="1"/>
        <rFont val="ＭＳ Ｐゴシック"/>
        <family val="3"/>
        <charset val="128"/>
      </rPr>
      <t>、</t>
    </r>
    <r>
      <rPr>
        <sz val="9"/>
        <color theme="1"/>
        <rFont val="Arial"/>
        <family val="2"/>
      </rPr>
      <t>307-35-7</t>
    </r>
    <r>
      <rPr>
        <sz val="9"/>
        <color theme="1"/>
        <rFont val="ＭＳ Ｐゴシック"/>
        <family val="3"/>
        <charset val="128"/>
      </rPr>
      <t>、</t>
    </r>
    <r>
      <rPr>
        <sz val="9"/>
        <color theme="1"/>
        <rFont val="Arial"/>
        <family val="2"/>
      </rPr>
      <t>29457-72-5</t>
    </r>
    <r>
      <rPr>
        <sz val="9"/>
        <color theme="1"/>
        <rFont val="ＭＳ Ｐゴシック"/>
        <family val="3"/>
        <charset val="128"/>
      </rPr>
      <t>、</t>
    </r>
    <r>
      <rPr>
        <sz val="9"/>
        <color theme="1"/>
        <rFont val="Arial"/>
        <family val="2"/>
      </rPr>
      <t>2795-39-3)</t>
    </r>
    <r>
      <rPr>
        <sz val="9"/>
        <color theme="1"/>
        <rFont val="ＭＳ Ｐゴシック"/>
        <family val="3"/>
        <charset val="128"/>
      </rPr>
      <t>／</t>
    </r>
    <phoneticPr fontId="5"/>
  </si>
  <si>
    <r>
      <t xml:space="preserve">*3) CAS No. </t>
    </r>
    <r>
      <rPr>
        <sz val="9"/>
        <color theme="1"/>
        <rFont val="ＭＳ Ｐゴシック"/>
        <family val="3"/>
        <charset val="128"/>
      </rPr>
      <t>が次のものの総計とします。（</t>
    </r>
    <r>
      <rPr>
        <sz val="9"/>
        <color theme="1"/>
        <rFont val="Arial"/>
        <family val="2"/>
      </rPr>
      <t>335-67-1</t>
    </r>
    <r>
      <rPr>
        <sz val="9"/>
        <color theme="1"/>
        <rFont val="ＭＳ Ｐゴシック"/>
        <family val="3"/>
        <charset val="128"/>
      </rPr>
      <t>、</t>
    </r>
    <r>
      <rPr>
        <sz val="9"/>
        <color theme="1"/>
        <rFont val="Arial"/>
        <family val="2"/>
      </rPr>
      <t>3825-26-1</t>
    </r>
    <r>
      <rPr>
        <sz val="9"/>
        <color theme="1"/>
        <rFont val="ＭＳ Ｐゴシック"/>
        <family val="3"/>
        <charset val="128"/>
      </rPr>
      <t>、</t>
    </r>
    <r>
      <rPr>
        <sz val="9"/>
        <color theme="1"/>
        <rFont val="Arial"/>
        <family val="2"/>
      </rPr>
      <t>335-95-5</t>
    </r>
    <r>
      <rPr>
        <sz val="9"/>
        <color theme="1"/>
        <rFont val="ＭＳ Ｐゴシック"/>
        <family val="3"/>
        <charset val="128"/>
      </rPr>
      <t>、</t>
    </r>
    <r>
      <rPr>
        <sz val="9"/>
        <color theme="1"/>
        <rFont val="Arial"/>
        <family val="2"/>
      </rPr>
      <t>2395-00-8</t>
    </r>
    <r>
      <rPr>
        <sz val="9"/>
        <color theme="1"/>
        <rFont val="ＭＳ Ｐゴシック"/>
        <family val="3"/>
        <charset val="128"/>
      </rPr>
      <t>、</t>
    </r>
    <r>
      <rPr>
        <sz val="9"/>
        <color theme="1"/>
        <rFont val="Arial"/>
        <family val="2"/>
      </rPr>
      <t>335-93-3</t>
    </r>
    <r>
      <rPr>
        <sz val="9"/>
        <color theme="1"/>
        <rFont val="ＭＳ Ｐゴシック"/>
        <family val="3"/>
        <charset val="128"/>
      </rPr>
      <t>、</t>
    </r>
    <r>
      <rPr>
        <sz val="9"/>
        <color theme="1"/>
        <rFont val="Arial"/>
        <family val="2"/>
      </rPr>
      <t>335-66-0</t>
    </r>
    <r>
      <rPr>
        <sz val="9"/>
        <color theme="1"/>
        <rFont val="ＭＳ Ｐゴシック"/>
        <family val="3"/>
        <charset val="128"/>
      </rPr>
      <t>、</t>
    </r>
    <r>
      <rPr>
        <sz val="9"/>
        <color theme="1"/>
        <rFont val="Arial"/>
        <family val="2"/>
      </rPr>
      <t>376-27-2</t>
    </r>
    <r>
      <rPr>
        <sz val="9"/>
        <color theme="1"/>
        <rFont val="ＭＳ Ｐゴシック"/>
        <family val="3"/>
        <charset val="128"/>
      </rPr>
      <t>、</t>
    </r>
    <r>
      <rPr>
        <sz val="9"/>
        <color theme="1"/>
        <rFont val="Arial"/>
        <family val="2"/>
      </rPr>
      <t>3108-24-5</t>
    </r>
    <r>
      <rPr>
        <sz val="9"/>
        <color theme="1"/>
        <rFont val="ＭＳ Ｐゴシック"/>
        <family val="3"/>
        <charset val="128"/>
      </rPr>
      <t>）／</t>
    </r>
    <phoneticPr fontId="5"/>
  </si>
  <si>
    <r>
      <t xml:space="preserve">*4) CAS No. </t>
    </r>
    <r>
      <rPr>
        <sz val="9"/>
        <color theme="1"/>
        <rFont val="ＭＳ Ｐゴシック"/>
        <family val="3"/>
        <charset val="128"/>
      </rPr>
      <t>が次のものが対象です。（</t>
    </r>
    <r>
      <rPr>
        <sz val="9"/>
        <color theme="1"/>
        <rFont val="Arial"/>
        <family val="2"/>
      </rPr>
      <t>50-32-8</t>
    </r>
    <r>
      <rPr>
        <sz val="9"/>
        <color theme="1"/>
        <rFont val="ＭＳ Ｐゴシック"/>
        <family val="3"/>
        <charset val="128"/>
      </rPr>
      <t>、</t>
    </r>
    <r>
      <rPr>
        <sz val="9"/>
        <color theme="1"/>
        <rFont val="Arial"/>
        <family val="2"/>
      </rPr>
      <t>192-97-2</t>
    </r>
    <r>
      <rPr>
        <sz val="9"/>
        <color theme="1"/>
        <rFont val="ＭＳ Ｐゴシック"/>
        <family val="3"/>
        <charset val="128"/>
      </rPr>
      <t>、</t>
    </r>
    <r>
      <rPr>
        <sz val="9"/>
        <color theme="1"/>
        <rFont val="Arial"/>
        <family val="2"/>
      </rPr>
      <t>56-55-3</t>
    </r>
    <r>
      <rPr>
        <sz val="9"/>
        <color theme="1"/>
        <rFont val="ＭＳ Ｐゴシック"/>
        <family val="3"/>
        <charset val="128"/>
      </rPr>
      <t>、</t>
    </r>
    <r>
      <rPr>
        <sz val="9"/>
        <color theme="1"/>
        <rFont val="Arial"/>
        <family val="2"/>
      </rPr>
      <t>218-01-9</t>
    </r>
    <r>
      <rPr>
        <sz val="9"/>
        <color theme="1"/>
        <rFont val="ＭＳ Ｐゴシック"/>
        <family val="3"/>
        <charset val="128"/>
      </rPr>
      <t>、</t>
    </r>
    <r>
      <rPr>
        <sz val="9"/>
        <color theme="1"/>
        <rFont val="Arial"/>
        <family val="2"/>
      </rPr>
      <t>205-99-2</t>
    </r>
    <r>
      <rPr>
        <sz val="9"/>
        <color theme="1"/>
        <rFont val="ＭＳ Ｐゴシック"/>
        <family val="3"/>
        <charset val="128"/>
      </rPr>
      <t>、</t>
    </r>
    <r>
      <rPr>
        <sz val="9"/>
        <color theme="1"/>
        <rFont val="Arial"/>
        <family val="2"/>
      </rPr>
      <t>205-82-3</t>
    </r>
    <r>
      <rPr>
        <sz val="9"/>
        <color theme="1"/>
        <rFont val="ＭＳ Ｐゴシック"/>
        <family val="3"/>
        <charset val="128"/>
      </rPr>
      <t>、</t>
    </r>
    <r>
      <rPr>
        <sz val="9"/>
        <color theme="1"/>
        <rFont val="Arial"/>
        <family val="2"/>
      </rPr>
      <t>207-08-9</t>
    </r>
    <r>
      <rPr>
        <sz val="9"/>
        <color theme="1"/>
        <rFont val="ＭＳ Ｐゴシック"/>
        <family val="3"/>
        <charset val="128"/>
      </rPr>
      <t>、</t>
    </r>
    <r>
      <rPr>
        <sz val="9"/>
        <color theme="1"/>
        <rFont val="Arial"/>
        <family val="2"/>
      </rPr>
      <t>53-70-3</t>
    </r>
    <r>
      <rPr>
        <sz val="9"/>
        <color theme="1"/>
        <rFont val="ＭＳ Ｐゴシック"/>
        <family val="3"/>
        <charset val="128"/>
      </rPr>
      <t>）／</t>
    </r>
    <phoneticPr fontId="5"/>
  </si>
  <si>
    <r>
      <t>(1)</t>
    </r>
    <r>
      <rPr>
        <sz val="11"/>
        <color theme="1"/>
        <rFont val="ＭＳ Ｐゴシック"/>
        <family val="2"/>
        <charset val="128"/>
      </rPr>
      <t>製品に含有していない／</t>
    </r>
    <phoneticPr fontId="5"/>
  </si>
  <si>
    <r>
      <t>(3)</t>
    </r>
    <r>
      <rPr>
        <sz val="11"/>
        <color theme="1"/>
        <rFont val="ＭＳ Ｐゴシック"/>
        <family val="2"/>
        <charset val="128"/>
      </rPr>
      <t>洗浄工程で使用していない（</t>
    </r>
    <r>
      <rPr>
        <sz val="11"/>
        <color theme="1"/>
        <rFont val="Arial"/>
        <family val="2"/>
      </rPr>
      <t>(2)</t>
    </r>
    <r>
      <rPr>
        <sz val="11"/>
        <color theme="1"/>
        <rFont val="ＭＳ Ｐゴシック"/>
        <family val="2"/>
        <charset val="128"/>
      </rPr>
      <t>項の確認結果が</t>
    </r>
    <r>
      <rPr>
        <sz val="11"/>
        <color theme="1"/>
        <rFont val="Arial"/>
        <family val="2"/>
      </rPr>
      <t>YES</t>
    </r>
    <r>
      <rPr>
        <sz val="11"/>
        <color theme="1"/>
        <rFont val="ＭＳ Ｐゴシック"/>
        <family val="2"/>
        <charset val="128"/>
      </rPr>
      <t>の場合のみ回答）
（</t>
    </r>
    <r>
      <rPr>
        <sz val="11"/>
        <color theme="1"/>
        <rFont val="Arial"/>
        <family val="2"/>
      </rPr>
      <t>"Not Used"="</t>
    </r>
    <r>
      <rPr>
        <sz val="11"/>
        <color theme="1"/>
        <rFont val="ＭＳ Ｐゴシック"/>
        <family val="2"/>
        <charset val="128"/>
      </rPr>
      <t>洗浄工程で使用していない</t>
    </r>
    <r>
      <rPr>
        <sz val="11"/>
        <color theme="1"/>
        <rFont val="Arial"/>
        <family val="2"/>
      </rPr>
      <t>"</t>
    </r>
    <r>
      <rPr>
        <sz val="11"/>
        <color theme="1"/>
        <rFont val="ＭＳ Ｐゴシック"/>
        <family val="2"/>
        <charset val="128"/>
      </rPr>
      <t>場合でも、洗浄工程が必要なものについては、洗浄液又は洗浄方法を記入）／</t>
    </r>
    <phoneticPr fontId="5"/>
  </si>
  <si>
    <r>
      <rPr>
        <sz val="11"/>
        <color theme="1"/>
        <rFont val="ＭＳ Ｐゴシック"/>
        <family val="2"/>
        <charset val="128"/>
      </rPr>
      <t>洗浄方法：／</t>
    </r>
    <phoneticPr fontId="5"/>
  </si>
  <si>
    <r>
      <t>A2-</t>
    </r>
    <r>
      <rPr>
        <b/>
        <sz val="12"/>
        <color theme="1"/>
        <rFont val="ＭＳ Ｐゴシック"/>
        <family val="3"/>
        <charset val="128"/>
      </rPr>
      <t>別表／</t>
    </r>
    <r>
      <rPr>
        <b/>
        <sz val="9"/>
        <color theme="1"/>
        <rFont val="Arial"/>
        <family val="2"/>
      </rPr>
      <t>A2-Appendix</t>
    </r>
    <phoneticPr fontId="5"/>
  </si>
  <si>
    <r>
      <rPr>
        <b/>
        <sz val="11"/>
        <color theme="1"/>
        <rFont val="ＭＳ Ｐゴシック"/>
        <family val="3"/>
        <charset val="128"/>
      </rPr>
      <t>第</t>
    </r>
    <r>
      <rPr>
        <b/>
        <sz val="11"/>
        <color theme="1"/>
        <rFont val="Arial"/>
        <family val="2"/>
      </rPr>
      <t>A2</t>
    </r>
    <r>
      <rPr>
        <b/>
        <sz val="11"/>
        <color theme="1"/>
        <rFont val="ＭＳ Ｐゴシック"/>
        <family val="3"/>
        <charset val="128"/>
      </rPr>
      <t>項の確認結果が「</t>
    </r>
    <r>
      <rPr>
        <b/>
        <sz val="11"/>
        <color theme="1"/>
        <rFont val="Arial"/>
        <family val="2"/>
      </rPr>
      <t>Not Applicable</t>
    </r>
    <r>
      <rPr>
        <b/>
        <sz val="11"/>
        <color theme="1"/>
        <rFont val="ＭＳ Ｐゴシック"/>
        <family val="3"/>
        <charset val="128"/>
      </rPr>
      <t>」の項目について、下記の判定基準に従い確認した結果、該当する項目の｢確認結果｣欄にチェック（</t>
    </r>
    <r>
      <rPr>
        <b/>
        <sz val="11"/>
        <color theme="1"/>
        <rFont val="Arial"/>
        <family val="2"/>
      </rPr>
      <t>X</t>
    </r>
    <r>
      <rPr>
        <b/>
        <sz val="11"/>
        <color theme="1"/>
        <rFont val="ＭＳ Ｐゴシック"/>
        <family val="3"/>
        <charset val="128"/>
      </rPr>
      <t>）しています／</t>
    </r>
    <phoneticPr fontId="5"/>
  </si>
  <si>
    <r>
      <rPr>
        <sz val="11"/>
        <color theme="1"/>
        <rFont val="ＭＳ Ｐゴシック"/>
        <family val="2"/>
        <charset val="128"/>
      </rPr>
      <t xml:space="preserve">化学物質名／
</t>
    </r>
    <r>
      <rPr>
        <sz val="9"/>
        <color theme="1"/>
        <rFont val="Arial"/>
        <family val="2"/>
      </rPr>
      <t>Substances</t>
    </r>
    <phoneticPr fontId="5"/>
  </si>
  <si>
    <r>
      <rPr>
        <sz val="11"/>
        <color theme="1"/>
        <rFont val="ＭＳ Ｐゴシック"/>
        <family val="3"/>
        <charset val="128"/>
      </rPr>
      <t>確認内容（判定基準）／</t>
    </r>
    <r>
      <rPr>
        <sz val="9"/>
        <color theme="1"/>
        <rFont val="Arial"/>
        <family val="2"/>
      </rPr>
      <t>Check point (Criteria)</t>
    </r>
    <phoneticPr fontId="5"/>
  </si>
  <si>
    <r>
      <t>RoHS</t>
    </r>
    <r>
      <rPr>
        <sz val="11"/>
        <color theme="1"/>
        <rFont val="ＭＳ Ｐゴシック"/>
        <family val="3"/>
        <charset val="128"/>
      </rPr>
      <t xml:space="preserve">除外／
</t>
    </r>
    <r>
      <rPr>
        <sz val="6"/>
        <color theme="1"/>
        <rFont val="Arial"/>
        <family val="2"/>
      </rPr>
      <t>RoHS Exemption *1)</t>
    </r>
    <phoneticPr fontId="5"/>
  </si>
  <si>
    <r>
      <rPr>
        <sz val="11"/>
        <color theme="1"/>
        <rFont val="ＭＳ Ｐゴシック"/>
        <family val="3"/>
        <charset val="128"/>
      </rPr>
      <t>カドミウム及びその化合物／</t>
    </r>
    <r>
      <rPr>
        <sz val="11"/>
        <color theme="1"/>
        <rFont val="Arial"/>
        <family val="2"/>
      </rPr>
      <t>Cadmium and its compound</t>
    </r>
    <phoneticPr fontId="5"/>
  </si>
  <si>
    <r>
      <rPr>
        <b/>
        <sz val="11"/>
        <color theme="0"/>
        <rFont val="ＭＳ Ｐゴシック"/>
        <family val="3"/>
        <charset val="128"/>
      </rPr>
      <t>使用禁止／</t>
    </r>
    <phoneticPr fontId="5"/>
  </si>
  <si>
    <r>
      <t>EU RoHS</t>
    </r>
    <r>
      <rPr>
        <sz val="11"/>
        <color theme="1"/>
        <rFont val="ＭＳ Ｐゴシック"/>
        <family val="3"/>
        <charset val="128"/>
      </rPr>
      <t>指令</t>
    </r>
    <r>
      <rPr>
        <sz val="11"/>
        <color theme="1"/>
        <rFont val="Arial"/>
        <family val="2"/>
      </rPr>
      <t xml:space="preserve"> </t>
    </r>
    <r>
      <rPr>
        <sz val="11"/>
        <color theme="1"/>
        <rFont val="ＭＳ Ｐゴシック"/>
        <family val="3"/>
        <charset val="128"/>
      </rPr>
      <t>附属書</t>
    </r>
    <r>
      <rPr>
        <sz val="9"/>
        <color theme="1"/>
        <rFont val="Arial"/>
        <family val="2"/>
      </rPr>
      <t>No.</t>
    </r>
    <r>
      <rPr>
        <sz val="11"/>
        <color theme="1"/>
        <rFont val="ＭＳ Ｐゴシック"/>
        <family val="3"/>
        <charset val="128"/>
      </rPr>
      <t>／</t>
    </r>
    <r>
      <rPr>
        <sz val="9"/>
        <color theme="1"/>
        <rFont val="Arial"/>
        <family val="2"/>
      </rPr>
      <t>EU RoHS directive Annex No. :</t>
    </r>
    <phoneticPr fontId="5"/>
  </si>
  <si>
    <r>
      <rPr>
        <sz val="11"/>
        <color theme="1"/>
        <rFont val="ＭＳ Ｐゴシック"/>
        <family val="3"/>
        <charset val="128"/>
      </rPr>
      <t>鉛及びその化合物／</t>
    </r>
    <r>
      <rPr>
        <sz val="11"/>
        <color theme="1"/>
        <rFont val="Arial"/>
        <family val="2"/>
      </rPr>
      <t>Lead and its compound</t>
    </r>
    <phoneticPr fontId="5"/>
  </si>
  <si>
    <r>
      <rPr>
        <b/>
        <sz val="11"/>
        <color theme="0"/>
        <rFont val="ＭＳ Ｐゴシック"/>
        <family val="3"/>
        <charset val="128"/>
      </rPr>
      <t>使用禁止／</t>
    </r>
    <phoneticPr fontId="5"/>
  </si>
  <si>
    <r>
      <t>12</t>
    </r>
    <r>
      <rPr>
        <sz val="11"/>
        <color theme="1"/>
        <rFont val="ＭＳ Ｐゴシック"/>
        <family val="3"/>
        <charset val="128"/>
      </rPr>
      <t>歳以下の子供用製品に、外装部品あたり</t>
    </r>
    <r>
      <rPr>
        <sz val="11"/>
        <color theme="1"/>
        <rFont val="Arial"/>
        <family val="2"/>
      </rPr>
      <t>0.01wt%</t>
    </r>
    <r>
      <rPr>
        <sz val="11"/>
        <color theme="1"/>
        <rFont val="ＭＳ Ｐゴシック"/>
        <family val="3"/>
        <charset val="128"/>
      </rPr>
      <t>以上使用されている／</t>
    </r>
    <phoneticPr fontId="5"/>
  </si>
  <si>
    <r>
      <rPr>
        <sz val="11"/>
        <color theme="1"/>
        <rFont val="ＭＳ Ｐゴシック"/>
        <family val="3"/>
        <charset val="128"/>
      </rPr>
      <t>おもちゃ用途の部品・材料で、塗装などの表面処理層単位当たり</t>
    </r>
    <r>
      <rPr>
        <sz val="11"/>
        <color theme="1"/>
        <rFont val="Arial"/>
        <family val="2"/>
      </rPr>
      <t>0.009%</t>
    </r>
    <r>
      <rPr>
        <sz val="11"/>
        <color theme="1"/>
        <rFont val="ＭＳ Ｐゴシック"/>
        <family val="3"/>
        <charset val="128"/>
      </rPr>
      <t>以上使用されている／</t>
    </r>
    <phoneticPr fontId="5"/>
  </si>
  <si>
    <r>
      <rPr>
        <sz val="11"/>
        <color theme="1"/>
        <rFont val="ＭＳ Ｐゴシック"/>
        <family val="3"/>
        <charset val="128"/>
      </rPr>
      <t>使用可／</t>
    </r>
    <phoneticPr fontId="5"/>
  </si>
  <si>
    <r>
      <rPr>
        <sz val="11"/>
        <color theme="1"/>
        <rFont val="ＭＳ Ｐゴシック"/>
        <family val="3"/>
        <charset val="128"/>
      </rPr>
      <t>集積回路またはディスクリート半導体（単機能半導体）の一部であるキャパシターの</t>
    </r>
    <r>
      <rPr>
        <sz val="11"/>
        <color theme="1"/>
        <rFont val="Arial"/>
        <family val="2"/>
      </rPr>
      <t>PZT</t>
    </r>
    <r>
      <rPr>
        <sz val="11"/>
        <color theme="1"/>
        <rFont val="ＭＳ Ｐゴシック"/>
        <family val="3"/>
        <charset val="128"/>
      </rPr>
      <t>系誘電体セラミック材料に使用されている／</t>
    </r>
    <phoneticPr fontId="5"/>
  </si>
  <si>
    <r>
      <rPr>
        <sz val="11"/>
        <color theme="1"/>
        <rFont val="ＭＳ Ｐゴシック"/>
        <family val="3"/>
        <charset val="128"/>
      </rPr>
      <t>水銀及びその化合物／</t>
    </r>
    <r>
      <rPr>
        <sz val="11"/>
        <color theme="1"/>
        <rFont val="Arial"/>
        <family val="2"/>
      </rPr>
      <t>Mercury and its compound</t>
    </r>
    <phoneticPr fontId="5"/>
  </si>
  <si>
    <r>
      <rPr>
        <sz val="11"/>
        <color theme="1"/>
        <rFont val="ＭＳ Ｐゴシック"/>
        <family val="3"/>
        <charset val="128"/>
      </rPr>
      <t>下記（</t>
    </r>
    <r>
      <rPr>
        <sz val="11"/>
        <color theme="1"/>
        <rFont val="Arial"/>
        <family val="2"/>
      </rPr>
      <t>2</t>
    </r>
    <r>
      <rPr>
        <sz val="11"/>
        <color theme="1"/>
        <rFont val="ＭＳ Ｐゴシック"/>
        <family val="3"/>
        <charset val="128"/>
      </rPr>
      <t>）～（</t>
    </r>
    <r>
      <rPr>
        <sz val="11"/>
        <color theme="1"/>
        <rFont val="Arial"/>
        <family val="2"/>
      </rPr>
      <t>5</t>
    </r>
    <r>
      <rPr>
        <sz val="11"/>
        <color theme="1"/>
        <rFont val="ＭＳ Ｐゴシック"/>
        <family val="3"/>
        <charset val="128"/>
      </rPr>
      <t>）以外のものに使用されている／</t>
    </r>
    <phoneticPr fontId="5"/>
  </si>
  <si>
    <r>
      <rPr>
        <sz val="11"/>
        <color theme="1"/>
        <rFont val="ＭＳ Ｐゴシック"/>
        <family val="3"/>
        <charset val="128"/>
      </rPr>
      <t>特別目的の冷陰極線蛍光ランプ及び外部電極蛍光ランプ（</t>
    </r>
    <r>
      <rPr>
        <sz val="11"/>
        <color theme="1"/>
        <rFont val="Arial"/>
        <family val="2"/>
      </rPr>
      <t>CCFL</t>
    </r>
    <r>
      <rPr>
        <sz val="11"/>
        <color theme="1"/>
        <rFont val="ＭＳ Ｐゴシック"/>
        <family val="3"/>
        <charset val="128"/>
      </rPr>
      <t>および</t>
    </r>
    <r>
      <rPr>
        <sz val="11"/>
        <color theme="1"/>
        <rFont val="Arial"/>
        <family val="2"/>
      </rPr>
      <t>EEFL</t>
    </r>
    <r>
      <rPr>
        <sz val="11"/>
        <color theme="1"/>
        <rFont val="ＭＳ Ｐゴシック"/>
        <family val="3"/>
        <charset val="128"/>
      </rPr>
      <t>）に使用されている（ランプ毎）／</t>
    </r>
    <phoneticPr fontId="5"/>
  </si>
  <si>
    <r>
      <t xml:space="preserve">(a) </t>
    </r>
    <r>
      <rPr>
        <sz val="11"/>
        <color theme="1"/>
        <rFont val="ＭＳ Ｐゴシック"/>
        <family val="3"/>
        <charset val="128"/>
      </rPr>
      <t>短型（</t>
    </r>
    <r>
      <rPr>
        <sz val="11"/>
        <color theme="1"/>
        <rFont val="Arial"/>
        <family val="2"/>
      </rPr>
      <t>500mm</t>
    </r>
    <r>
      <rPr>
        <sz val="11"/>
        <color theme="1"/>
        <rFont val="ＭＳ Ｐゴシック"/>
        <family val="3"/>
        <charset val="128"/>
      </rPr>
      <t>以下）：</t>
    </r>
    <r>
      <rPr>
        <sz val="11"/>
        <color theme="1"/>
        <rFont val="Arial"/>
        <family val="2"/>
      </rPr>
      <t>3.5mg</t>
    </r>
    <r>
      <rPr>
        <sz val="11"/>
        <color theme="1"/>
        <rFont val="ＭＳ Ｐゴシック"/>
        <family val="3"/>
        <charset val="128"/>
      </rPr>
      <t>未満／</t>
    </r>
    <r>
      <rPr>
        <sz val="9"/>
        <color theme="1"/>
        <rFont val="Arial"/>
        <family val="2"/>
      </rPr>
      <t>Short length (</t>
    </r>
    <r>
      <rPr>
        <sz val="9"/>
        <color theme="1"/>
        <rFont val="ＭＳ Ｐゴシック"/>
        <family val="3"/>
        <charset val="128"/>
      </rPr>
      <t>≤</t>
    </r>
    <r>
      <rPr>
        <sz val="9"/>
        <color theme="1"/>
        <rFont val="Arial"/>
        <family val="2"/>
      </rPr>
      <t xml:space="preserve"> 500 mm): under 3.5mg</t>
    </r>
    <phoneticPr fontId="5"/>
  </si>
  <si>
    <r>
      <t xml:space="preserve">(b) </t>
    </r>
    <r>
      <rPr>
        <sz val="11"/>
        <color theme="1"/>
        <rFont val="ＭＳ Ｐゴシック"/>
        <family val="3"/>
        <charset val="128"/>
      </rPr>
      <t>中型（</t>
    </r>
    <r>
      <rPr>
        <sz val="11"/>
        <color theme="1"/>
        <rFont val="Arial"/>
        <family val="2"/>
      </rPr>
      <t>500mm</t>
    </r>
    <r>
      <rPr>
        <sz val="11"/>
        <color theme="1"/>
        <rFont val="ＭＳ Ｐゴシック"/>
        <family val="3"/>
        <charset val="128"/>
      </rPr>
      <t>超、かつ</t>
    </r>
    <r>
      <rPr>
        <sz val="11"/>
        <color theme="1"/>
        <rFont val="Arial"/>
        <family val="2"/>
      </rPr>
      <t>1500mm</t>
    </r>
    <r>
      <rPr>
        <sz val="11"/>
        <color theme="1"/>
        <rFont val="ＭＳ Ｐゴシック"/>
        <family val="3"/>
        <charset val="128"/>
      </rPr>
      <t>以下）：</t>
    </r>
    <r>
      <rPr>
        <sz val="11"/>
        <color theme="1"/>
        <rFont val="Arial"/>
        <family val="2"/>
      </rPr>
      <t>5mg</t>
    </r>
    <r>
      <rPr>
        <sz val="11"/>
        <color theme="1"/>
        <rFont val="ＭＳ Ｐゴシック"/>
        <family val="3"/>
        <charset val="128"/>
      </rPr>
      <t>未満／</t>
    </r>
    <r>
      <rPr>
        <sz val="9"/>
        <color theme="1"/>
        <rFont val="Arial"/>
        <family val="2"/>
      </rPr>
      <t/>
    </r>
    <phoneticPr fontId="5"/>
  </si>
  <si>
    <r>
      <t xml:space="preserve">(c) </t>
    </r>
    <r>
      <rPr>
        <sz val="11"/>
        <color theme="1"/>
        <rFont val="ＭＳ Ｐゴシック"/>
        <family val="3"/>
        <charset val="128"/>
      </rPr>
      <t>長型（</t>
    </r>
    <r>
      <rPr>
        <sz val="11"/>
        <color theme="1"/>
        <rFont val="Arial"/>
        <family val="2"/>
      </rPr>
      <t>1500mm</t>
    </r>
    <r>
      <rPr>
        <sz val="11"/>
        <color theme="1"/>
        <rFont val="ＭＳ Ｐゴシック"/>
        <family val="3"/>
        <charset val="128"/>
      </rPr>
      <t>超）：</t>
    </r>
    <r>
      <rPr>
        <sz val="11"/>
        <color theme="1"/>
        <rFont val="Arial"/>
        <family val="2"/>
      </rPr>
      <t>13mg</t>
    </r>
    <r>
      <rPr>
        <sz val="11"/>
        <color theme="1"/>
        <rFont val="ＭＳ Ｐゴシック"/>
        <family val="3"/>
        <charset val="128"/>
      </rPr>
      <t>未満／</t>
    </r>
    <r>
      <rPr>
        <sz val="9"/>
        <color theme="1"/>
        <rFont val="Arial"/>
        <family val="2"/>
      </rPr>
      <t>Long length (&gt; 1500 mm): under 13mg</t>
    </r>
    <phoneticPr fontId="5"/>
  </si>
  <si>
    <r>
      <rPr>
        <sz val="11"/>
        <color theme="1"/>
        <rFont val="ＭＳ Ｐゴシック"/>
        <family val="3"/>
        <charset val="128"/>
      </rPr>
      <t>ハロゲン化金属ランプ（</t>
    </r>
    <r>
      <rPr>
        <sz val="11"/>
        <color theme="1"/>
        <rFont val="Arial"/>
        <family val="2"/>
      </rPr>
      <t>MH</t>
    </r>
    <r>
      <rPr>
        <sz val="11"/>
        <color theme="1"/>
        <rFont val="ＭＳ Ｐゴシック"/>
        <family val="3"/>
        <charset val="128"/>
      </rPr>
      <t>）中に使用されている／</t>
    </r>
    <r>
      <rPr>
        <sz val="9"/>
        <color theme="1"/>
        <rFont val="Arial"/>
        <family val="2"/>
      </rPr>
      <t>Used in metal halide lamps (MH).</t>
    </r>
    <phoneticPr fontId="5"/>
  </si>
  <si>
    <r>
      <t>EU RoHS</t>
    </r>
    <r>
      <rPr>
        <sz val="11"/>
        <color theme="1"/>
        <rFont val="ＭＳ Ｐゴシック"/>
        <family val="3"/>
        <charset val="128"/>
      </rPr>
      <t>指令（</t>
    </r>
    <r>
      <rPr>
        <sz val="11"/>
        <color theme="1"/>
        <rFont val="Arial"/>
        <family val="2"/>
      </rPr>
      <t>2011/65/EU</t>
    </r>
    <r>
      <rPr>
        <sz val="11"/>
        <color theme="1"/>
        <rFont val="ＭＳ Ｐゴシック"/>
        <family val="3"/>
        <charset val="128"/>
      </rPr>
      <t>）附属書</t>
    </r>
    <r>
      <rPr>
        <sz val="11"/>
        <color theme="1"/>
        <rFont val="Arial"/>
        <family val="2"/>
      </rPr>
      <t>III</t>
    </r>
    <r>
      <rPr>
        <sz val="11"/>
        <color theme="1"/>
        <rFont val="ＭＳ Ｐゴシック"/>
        <family val="3"/>
        <charset val="128"/>
      </rPr>
      <t>の</t>
    </r>
    <r>
      <rPr>
        <sz val="11"/>
        <color theme="1"/>
        <rFont val="Arial"/>
        <family val="2"/>
      </rPr>
      <t>4(f)</t>
    </r>
    <r>
      <rPr>
        <sz val="11"/>
        <color theme="1"/>
        <rFont val="ＭＳ Ｐゴシック"/>
        <family val="3"/>
        <charset val="128"/>
      </rPr>
      <t>に定められている特殊用途放電ランプに使用されている／</t>
    </r>
    <phoneticPr fontId="5"/>
  </si>
  <si>
    <r>
      <t>*1) EU RoHS</t>
    </r>
    <r>
      <rPr>
        <b/>
        <sz val="8"/>
        <color theme="1"/>
        <rFont val="ＭＳ Ｐゴシック"/>
        <family val="3"/>
        <charset val="128"/>
      </rPr>
      <t>指令（</t>
    </r>
    <r>
      <rPr>
        <b/>
        <sz val="8"/>
        <color theme="1"/>
        <rFont val="Arial"/>
        <family val="2"/>
      </rPr>
      <t>2011/65/EU</t>
    </r>
    <r>
      <rPr>
        <b/>
        <sz val="8"/>
        <color theme="1"/>
        <rFont val="ＭＳ Ｐゴシック"/>
        <family val="3"/>
        <charset val="128"/>
      </rPr>
      <t>）附属書</t>
    </r>
    <r>
      <rPr>
        <b/>
        <sz val="8"/>
        <color theme="1"/>
        <rFont val="Arial"/>
        <family val="2"/>
      </rPr>
      <t>III</t>
    </r>
    <r>
      <rPr>
        <b/>
        <sz val="8"/>
        <color theme="1"/>
        <rFont val="ＭＳ Ｐゴシック"/>
        <family val="3"/>
        <charset val="128"/>
      </rPr>
      <t>における適用除外用途番号です／</t>
    </r>
    <phoneticPr fontId="5"/>
  </si>
  <si>
    <r>
      <rPr>
        <b/>
        <sz val="10"/>
        <color theme="1"/>
        <rFont val="ＭＳ Ｐゴシック"/>
        <family val="3"/>
        <charset val="128"/>
      </rPr>
      <t>第</t>
    </r>
    <r>
      <rPr>
        <b/>
        <sz val="10"/>
        <color theme="1"/>
        <rFont val="Arial"/>
        <family val="2"/>
      </rPr>
      <t>B2</t>
    </r>
    <r>
      <rPr>
        <b/>
        <sz val="10"/>
        <color theme="1"/>
        <rFont val="ＭＳ Ｐゴシック"/>
        <family val="3"/>
        <charset val="128"/>
      </rPr>
      <t>項の確認結果で「</t>
    </r>
    <r>
      <rPr>
        <b/>
        <sz val="10"/>
        <color theme="1"/>
        <rFont val="Arial"/>
        <family val="2"/>
      </rPr>
      <t>Not Applicable</t>
    </r>
    <r>
      <rPr>
        <b/>
        <sz val="10"/>
        <color theme="1"/>
        <rFont val="ＭＳ Ｐゴシック"/>
        <family val="3"/>
        <charset val="128"/>
      </rPr>
      <t>」の項目について、下記の判定基準に従い確認した結果、該当する項目の｢確認結果｣欄にチェック（</t>
    </r>
    <r>
      <rPr>
        <b/>
        <sz val="10"/>
        <color theme="1"/>
        <rFont val="Arial"/>
        <family val="2"/>
      </rPr>
      <t>X</t>
    </r>
    <r>
      <rPr>
        <b/>
        <sz val="10"/>
        <color theme="1"/>
        <rFont val="ＭＳ Ｐゴシック"/>
        <family val="3"/>
        <charset val="128"/>
      </rPr>
      <t>）しています／</t>
    </r>
    <phoneticPr fontId="5"/>
  </si>
  <si>
    <r>
      <rPr>
        <sz val="11"/>
        <color theme="1"/>
        <rFont val="ＭＳ Ｐゴシック"/>
        <family val="2"/>
        <charset val="128"/>
      </rPr>
      <t xml:space="preserve">化学物質名／
</t>
    </r>
    <r>
      <rPr>
        <sz val="9"/>
        <color theme="1"/>
        <rFont val="Arial"/>
        <family val="2"/>
      </rPr>
      <t>Substances</t>
    </r>
    <phoneticPr fontId="5"/>
  </si>
  <si>
    <r>
      <rPr>
        <sz val="11"/>
        <color theme="1"/>
        <rFont val="ＭＳ Ｐゴシック"/>
        <family val="3"/>
        <charset val="128"/>
      </rPr>
      <t>確認内容（判定基準）／</t>
    </r>
    <r>
      <rPr>
        <sz val="9"/>
        <color theme="1"/>
        <rFont val="Arial"/>
        <family val="2"/>
      </rPr>
      <t>Check point (Criteria)</t>
    </r>
    <phoneticPr fontId="5"/>
  </si>
  <si>
    <r>
      <rPr>
        <sz val="9"/>
        <color theme="1"/>
        <rFont val="ＭＳ Ｐゴシック"/>
        <family val="3"/>
        <charset val="128"/>
      </rPr>
      <t>ベリリウム及びその化合物／</t>
    </r>
    <r>
      <rPr>
        <sz val="11"/>
        <color theme="1"/>
        <rFont val="Arial"/>
        <family val="2"/>
      </rPr>
      <t>Beryllium and its compound</t>
    </r>
    <phoneticPr fontId="5"/>
  </si>
  <si>
    <r>
      <rPr>
        <sz val="11"/>
        <color theme="1"/>
        <rFont val="ＭＳ Ｐゴシック"/>
        <family val="3"/>
        <charset val="128"/>
      </rPr>
      <t>酸化ベリリウムを使用している／</t>
    </r>
    <phoneticPr fontId="5"/>
  </si>
  <si>
    <r>
      <rPr>
        <sz val="11"/>
        <color theme="1"/>
        <rFont val="ＭＳ Ｐゴシック"/>
        <family val="3"/>
        <charset val="128"/>
      </rPr>
      <t>除外対象部品に使用されている／</t>
    </r>
    <phoneticPr fontId="5"/>
  </si>
  <si>
    <r>
      <t xml:space="preserve">(b) </t>
    </r>
    <r>
      <rPr>
        <sz val="11"/>
        <color theme="1"/>
        <rFont val="ＭＳ Ｐゴシック"/>
        <family val="3"/>
        <charset val="128"/>
      </rPr>
      <t>セラミックに／</t>
    </r>
    <r>
      <rPr>
        <sz val="9"/>
        <color theme="1"/>
        <rFont val="Arial"/>
        <family val="2"/>
      </rPr>
      <t>Ceramics</t>
    </r>
    <phoneticPr fontId="5"/>
  </si>
  <si>
    <r>
      <t xml:space="preserve">(c) </t>
    </r>
    <r>
      <rPr>
        <sz val="11"/>
        <color theme="1"/>
        <rFont val="ＭＳ Ｐゴシック"/>
        <family val="3"/>
        <charset val="128"/>
      </rPr>
      <t>ガラスに／</t>
    </r>
    <r>
      <rPr>
        <sz val="9"/>
        <color theme="1"/>
        <rFont val="Arial"/>
        <family val="2"/>
      </rPr>
      <t>Glass</t>
    </r>
    <phoneticPr fontId="5"/>
  </si>
  <si>
    <r>
      <t xml:space="preserve">(d) </t>
    </r>
    <r>
      <rPr>
        <sz val="11"/>
        <color theme="1"/>
        <rFont val="ＭＳ Ｐゴシック"/>
        <family val="3"/>
        <charset val="128"/>
      </rPr>
      <t>半導体に／</t>
    </r>
    <r>
      <rPr>
        <sz val="9"/>
        <color theme="1"/>
        <rFont val="Arial"/>
        <family val="2"/>
      </rPr>
      <t>Semiconductor</t>
    </r>
    <phoneticPr fontId="5"/>
  </si>
  <si>
    <r>
      <rPr>
        <sz val="11"/>
        <color theme="1"/>
        <rFont val="ＭＳ Ｐゴシック"/>
        <family val="3"/>
        <charset val="128"/>
      </rPr>
      <t>アゾ染料・顔料／</t>
    </r>
    <r>
      <rPr>
        <sz val="9"/>
        <color theme="1"/>
        <rFont val="Arial"/>
        <family val="2"/>
      </rPr>
      <t>Azo colorants</t>
    </r>
    <phoneticPr fontId="5"/>
  </si>
  <si>
    <r>
      <rPr>
        <sz val="11"/>
        <color theme="1"/>
        <rFont val="ＭＳ Ｐゴシック"/>
        <family val="3"/>
        <charset val="128"/>
      </rPr>
      <t>人体に持続的に触れられることを前提に作られた製品（例：電気カーペット・イヤホン・ストラップ等）の人体接触部分で、分解により発がん性アミンが</t>
    </r>
    <r>
      <rPr>
        <sz val="11"/>
        <color theme="1"/>
        <rFont val="Arial"/>
        <family val="2"/>
      </rPr>
      <t>30ppm</t>
    </r>
    <r>
      <rPr>
        <sz val="11"/>
        <color theme="1"/>
        <rFont val="ＭＳ Ｐゴシック"/>
        <family val="3"/>
        <charset val="128"/>
      </rPr>
      <t>を超えて発生する可能性があるもの／</t>
    </r>
    <phoneticPr fontId="5"/>
  </si>
  <si>
    <r>
      <rPr>
        <sz val="11"/>
        <color theme="1"/>
        <rFont val="ＭＳ Ｐゴシック"/>
        <family val="3"/>
        <charset val="128"/>
      </rPr>
      <t>上記（</t>
    </r>
    <r>
      <rPr>
        <sz val="11"/>
        <color theme="1"/>
        <rFont val="Arial"/>
        <family val="2"/>
      </rPr>
      <t>1</t>
    </r>
    <r>
      <rPr>
        <sz val="11"/>
        <color theme="1"/>
        <rFont val="ＭＳ Ｐゴシック"/>
        <family val="3"/>
        <charset val="128"/>
      </rPr>
      <t>）以外のものに使用されている（人体に持続的に触れない部位に使用するもの）／</t>
    </r>
    <phoneticPr fontId="5"/>
  </si>
  <si>
    <r>
      <rPr>
        <sz val="11"/>
        <color theme="1"/>
        <rFont val="ＭＳ Ｐゴシック"/>
        <family val="3"/>
        <charset val="128"/>
      </rPr>
      <t>ポリ塩化ビニル及びそのコポリマー／</t>
    </r>
    <r>
      <rPr>
        <sz val="9"/>
        <color theme="1"/>
        <rFont val="Arial"/>
        <family val="2"/>
      </rPr>
      <t>Polyvinyl Chloride and its copolymer</t>
    </r>
    <phoneticPr fontId="5"/>
  </si>
  <si>
    <r>
      <rPr>
        <sz val="11"/>
        <color theme="1"/>
        <rFont val="ＭＳ Ｐゴシック"/>
        <family val="3"/>
        <charset val="128"/>
      </rPr>
      <t>包装材料・包装部品（シャープ製品梱包用が対象）に使用されている／</t>
    </r>
    <phoneticPr fontId="5"/>
  </si>
  <si>
    <r>
      <t>RoHS</t>
    </r>
    <r>
      <rPr>
        <sz val="11"/>
        <color theme="1"/>
        <rFont val="ＭＳ Ｐゴシック"/>
        <family val="3"/>
        <charset val="128"/>
      </rPr>
      <t>関連のフタル酸エステル</t>
    </r>
    <r>
      <rPr>
        <sz val="11"/>
        <color theme="1"/>
        <rFont val="Arial"/>
        <family val="2"/>
      </rPr>
      <t>4</t>
    </r>
    <r>
      <rPr>
        <sz val="11"/>
        <color theme="1"/>
        <rFont val="ＭＳ Ｐゴシック"/>
        <family val="3"/>
        <charset val="128"/>
      </rPr>
      <t>物質以外のフタル酸エステル類／</t>
    </r>
    <r>
      <rPr>
        <sz val="9"/>
        <color theme="1"/>
        <rFont val="Arial"/>
        <family val="2"/>
      </rPr>
      <t>Phthalates other than the four RoHS related Phthalates.</t>
    </r>
    <phoneticPr fontId="5"/>
  </si>
  <si>
    <r>
      <t>12</t>
    </r>
    <r>
      <rPr>
        <sz val="11"/>
        <color theme="1"/>
        <rFont val="ＭＳ Ｐゴシック"/>
        <family val="3"/>
        <charset val="128"/>
      </rPr>
      <t>歳以下の子供向け製品に使用される部品・材料に、フタル酸ジイソニル：</t>
    </r>
    <r>
      <rPr>
        <sz val="11"/>
        <color theme="1"/>
        <rFont val="Arial"/>
        <family val="2"/>
      </rPr>
      <t>DINP</t>
    </r>
    <r>
      <rPr>
        <sz val="11"/>
        <color theme="1"/>
        <rFont val="ＭＳ Ｐゴシック"/>
        <family val="3"/>
        <charset val="128"/>
      </rPr>
      <t>、フタル酸ジイソデシル：</t>
    </r>
    <r>
      <rPr>
        <sz val="11"/>
        <color theme="1"/>
        <rFont val="Arial"/>
        <family val="2"/>
      </rPr>
      <t>DIDP</t>
    </r>
    <r>
      <rPr>
        <sz val="11"/>
        <color theme="1"/>
        <rFont val="ＭＳ Ｐゴシック"/>
        <family val="3"/>
        <charset val="128"/>
      </rPr>
      <t>、フタル酸ジ</t>
    </r>
    <r>
      <rPr>
        <sz val="11"/>
        <color theme="1"/>
        <rFont val="Arial"/>
        <family val="2"/>
      </rPr>
      <t>-n-</t>
    </r>
    <r>
      <rPr>
        <sz val="11"/>
        <color theme="1"/>
        <rFont val="ＭＳ Ｐゴシック"/>
        <family val="3"/>
        <charset val="128"/>
      </rPr>
      <t>オクチル：</t>
    </r>
    <r>
      <rPr>
        <sz val="11"/>
        <color theme="1"/>
        <rFont val="Arial"/>
        <family val="2"/>
      </rPr>
      <t>DNOP</t>
    </r>
    <r>
      <rPr>
        <sz val="11"/>
        <color theme="1"/>
        <rFont val="ＭＳ Ｐゴシック"/>
        <family val="3"/>
        <charset val="128"/>
      </rPr>
      <t>が使用されている（合計で</t>
    </r>
    <r>
      <rPr>
        <sz val="11"/>
        <color theme="1"/>
        <rFont val="Arial"/>
        <family val="2"/>
      </rPr>
      <t>1000ppm</t>
    </r>
    <r>
      <rPr>
        <sz val="11"/>
        <color theme="1"/>
        <rFont val="ＭＳ Ｐゴシック"/>
        <family val="3"/>
        <charset val="128"/>
      </rPr>
      <t>超）／</t>
    </r>
    <phoneticPr fontId="5"/>
  </si>
  <si>
    <r>
      <rPr>
        <sz val="11"/>
        <color theme="1"/>
        <rFont val="ＭＳ Ｐゴシック"/>
        <family val="3"/>
        <charset val="128"/>
      </rPr>
      <t>上記（</t>
    </r>
    <r>
      <rPr>
        <sz val="11"/>
        <color theme="1"/>
        <rFont val="Arial"/>
        <family val="2"/>
      </rPr>
      <t>1</t>
    </r>
    <r>
      <rPr>
        <sz val="11"/>
        <color theme="1"/>
        <rFont val="ＭＳ Ｐゴシック"/>
        <family val="3"/>
        <charset val="128"/>
      </rPr>
      <t>）以外の物質及びものを使用している／</t>
    </r>
    <phoneticPr fontId="5"/>
  </si>
  <si>
    <r>
      <rPr>
        <sz val="11"/>
        <color theme="1"/>
        <rFont val="ＭＳ Ｐゴシック"/>
        <family val="3"/>
        <charset val="128"/>
      </rPr>
      <t>放射性物質／</t>
    </r>
    <r>
      <rPr>
        <sz val="9"/>
        <color theme="1"/>
        <rFont val="Arial"/>
        <family val="2"/>
      </rPr>
      <t>Radioactive substances</t>
    </r>
    <phoneticPr fontId="5"/>
  </si>
  <si>
    <r>
      <rPr>
        <sz val="11"/>
        <color theme="1"/>
        <rFont val="ＭＳ Ｐゴシック"/>
        <family val="3"/>
        <charset val="128"/>
      </rPr>
      <t>下記（</t>
    </r>
    <r>
      <rPr>
        <sz val="11"/>
        <color theme="1"/>
        <rFont val="Arial"/>
        <family val="2"/>
      </rPr>
      <t>2</t>
    </r>
    <r>
      <rPr>
        <sz val="11"/>
        <color theme="1"/>
        <rFont val="ＭＳ Ｐゴシック"/>
        <family val="3"/>
        <charset val="128"/>
      </rPr>
      <t>）～（</t>
    </r>
    <r>
      <rPr>
        <sz val="11"/>
        <color theme="1"/>
        <rFont val="Arial"/>
        <family val="2"/>
      </rPr>
      <t>3</t>
    </r>
    <r>
      <rPr>
        <sz val="11"/>
        <color theme="1"/>
        <rFont val="ＭＳ Ｐゴシック"/>
        <family val="3"/>
        <charset val="128"/>
      </rPr>
      <t>）以外のものに使用されている／</t>
    </r>
    <phoneticPr fontId="5"/>
  </si>
  <si>
    <r>
      <rPr>
        <sz val="11"/>
        <color theme="1"/>
        <rFont val="ＭＳ Ｐゴシック"/>
        <family val="3"/>
        <charset val="128"/>
      </rPr>
      <t>電子レンジのマグネトロンにトリウムが使用されている／</t>
    </r>
    <phoneticPr fontId="5"/>
  </si>
  <si>
    <r>
      <rPr>
        <sz val="11"/>
        <color theme="1"/>
        <rFont val="ＭＳ Ｐゴシック"/>
        <family val="3"/>
        <charset val="128"/>
      </rPr>
      <t>パーフルオロオクタンスルホン酸塩（</t>
    </r>
    <r>
      <rPr>
        <sz val="11"/>
        <color theme="1"/>
        <rFont val="Arial"/>
        <family val="2"/>
      </rPr>
      <t>PFOS</t>
    </r>
    <r>
      <rPr>
        <sz val="11"/>
        <color theme="1"/>
        <rFont val="ＭＳ Ｐゴシック"/>
        <family val="3"/>
        <charset val="128"/>
      </rPr>
      <t>）／</t>
    </r>
    <r>
      <rPr>
        <sz val="9"/>
        <color theme="1"/>
        <rFont val="Arial"/>
        <family val="2"/>
      </rPr>
      <t>Perfluorooctane sulfonate (PFOSs)</t>
    </r>
    <phoneticPr fontId="5"/>
  </si>
  <si>
    <r>
      <rPr>
        <sz val="11"/>
        <color theme="1"/>
        <rFont val="ＭＳ Ｐゴシック"/>
        <family val="3"/>
        <charset val="128"/>
      </rPr>
      <t>下記（</t>
    </r>
    <r>
      <rPr>
        <sz val="11"/>
        <color theme="1"/>
        <rFont val="Arial"/>
        <family val="2"/>
      </rPr>
      <t>2</t>
    </r>
    <r>
      <rPr>
        <sz val="11"/>
        <color theme="1"/>
        <rFont val="ＭＳ Ｐゴシック"/>
        <family val="3"/>
        <charset val="128"/>
      </rPr>
      <t>）～（</t>
    </r>
    <r>
      <rPr>
        <sz val="11"/>
        <color theme="1"/>
        <rFont val="Arial"/>
        <family val="2"/>
      </rPr>
      <t>4</t>
    </r>
    <r>
      <rPr>
        <sz val="11"/>
        <color theme="1"/>
        <rFont val="ＭＳ Ｐゴシック"/>
        <family val="3"/>
        <charset val="128"/>
      </rPr>
      <t>）以外のものに使用されている／</t>
    </r>
    <phoneticPr fontId="5"/>
  </si>
  <si>
    <r>
      <rPr>
        <sz val="11"/>
        <color theme="1"/>
        <rFont val="ＭＳ Ｐゴシック"/>
        <family val="3"/>
        <charset val="128"/>
      </rPr>
      <t>フォトレジストあるいはフォト工程での反射防止コートに使用されている／</t>
    </r>
    <phoneticPr fontId="5"/>
  </si>
  <si>
    <r>
      <rPr>
        <sz val="11"/>
        <color theme="1"/>
        <rFont val="ＭＳ Ｐゴシック"/>
        <family val="3"/>
        <charset val="128"/>
      </rPr>
      <t>非装飾用の硬質クロム（</t>
    </r>
    <r>
      <rPr>
        <sz val="11"/>
        <color theme="1"/>
        <rFont val="Arial"/>
        <family val="2"/>
      </rPr>
      <t>VI</t>
    </r>
    <r>
      <rPr>
        <sz val="11"/>
        <color theme="1"/>
        <rFont val="ＭＳ Ｐゴシック"/>
        <family val="3"/>
        <charset val="128"/>
      </rPr>
      <t>）めっき用ミスト防止剤、及びめっき用の装置で用いる湿潤剤として使用されている／</t>
    </r>
    <phoneticPr fontId="5"/>
  </si>
  <si>
    <r>
      <rPr>
        <sz val="11"/>
        <color theme="1"/>
        <rFont val="ＭＳ Ｐゴシック"/>
        <family val="3"/>
        <charset val="128"/>
      </rPr>
      <t>フッ素系温室効果ガス（</t>
    </r>
    <r>
      <rPr>
        <sz val="11"/>
        <color theme="1"/>
        <rFont val="Arial"/>
        <family val="2"/>
      </rPr>
      <t>HFC/PFC/SF6</t>
    </r>
    <r>
      <rPr>
        <sz val="11"/>
        <color theme="1"/>
        <rFont val="ＭＳ Ｐゴシック"/>
        <family val="3"/>
        <charset val="128"/>
      </rPr>
      <t>）／</t>
    </r>
    <r>
      <rPr>
        <sz val="9"/>
        <color theme="1"/>
        <rFont val="Arial"/>
        <family val="2"/>
      </rPr>
      <t>Fluorinated greenhouse gases (HFC, PFC, SF6)</t>
    </r>
    <phoneticPr fontId="5"/>
  </si>
  <si>
    <r>
      <rPr>
        <sz val="11"/>
        <color theme="1"/>
        <rFont val="ＭＳ Ｐゴシック"/>
        <family val="3"/>
        <charset val="128"/>
      </rPr>
      <t>下記（</t>
    </r>
    <r>
      <rPr>
        <sz val="11"/>
        <color theme="1"/>
        <rFont val="Arial"/>
        <family val="2"/>
      </rPr>
      <t>2</t>
    </r>
    <r>
      <rPr>
        <sz val="11"/>
        <color theme="1"/>
        <rFont val="ＭＳ Ｐゴシック"/>
        <family val="3"/>
        <charset val="128"/>
      </rPr>
      <t>）以外のものに使用されている／</t>
    </r>
    <phoneticPr fontId="5"/>
  </si>
  <si>
    <r>
      <rPr>
        <sz val="11"/>
        <color theme="1"/>
        <rFont val="ＭＳ Ｐゴシック"/>
        <family val="3"/>
        <charset val="128"/>
      </rPr>
      <t>冷媒・断熱材として</t>
    </r>
    <r>
      <rPr>
        <sz val="11"/>
        <color theme="1"/>
        <rFont val="Arial"/>
        <family val="2"/>
      </rPr>
      <t>HFC</t>
    </r>
    <r>
      <rPr>
        <sz val="11"/>
        <color theme="1"/>
        <rFont val="ＭＳ Ｐゴシック"/>
        <family val="3"/>
        <charset val="128"/>
      </rPr>
      <t>が使用されている／</t>
    </r>
    <phoneticPr fontId="5"/>
  </si>
  <si>
    <r>
      <rPr>
        <sz val="11"/>
        <color theme="1"/>
        <rFont val="ＭＳ Ｐゴシック"/>
        <family val="3"/>
        <charset val="128"/>
      </rPr>
      <t>ホルムアルデヒド／</t>
    </r>
    <r>
      <rPr>
        <sz val="9"/>
        <color theme="1"/>
        <rFont val="Arial"/>
        <family val="2"/>
      </rPr>
      <t>Formaldehyde</t>
    </r>
    <phoneticPr fontId="5"/>
  </si>
  <si>
    <r>
      <rPr>
        <sz val="11"/>
        <color theme="1"/>
        <rFont val="ＭＳ Ｐゴシック"/>
        <family val="3"/>
        <charset val="128"/>
      </rPr>
      <t>木製部品へ使用されている／</t>
    </r>
    <phoneticPr fontId="5"/>
  </si>
  <si>
    <r>
      <rPr>
        <sz val="11"/>
        <color theme="1"/>
        <rFont val="ＭＳ Ｐゴシック"/>
        <family val="3"/>
        <charset val="128"/>
      </rPr>
      <t>上記（</t>
    </r>
    <r>
      <rPr>
        <sz val="11"/>
        <color theme="1"/>
        <rFont val="Arial"/>
        <family val="2"/>
      </rPr>
      <t>1</t>
    </r>
    <r>
      <rPr>
        <sz val="11"/>
        <color theme="1"/>
        <rFont val="ＭＳ Ｐゴシック"/>
        <family val="3"/>
        <charset val="128"/>
      </rPr>
      <t>）～（</t>
    </r>
    <r>
      <rPr>
        <sz val="11"/>
        <color theme="1"/>
        <rFont val="Arial"/>
        <family val="2"/>
      </rPr>
      <t>2</t>
    </r>
    <r>
      <rPr>
        <sz val="11"/>
        <color theme="1"/>
        <rFont val="ＭＳ Ｐゴシック"/>
        <family val="3"/>
        <charset val="128"/>
      </rPr>
      <t>）以外のものに使用されている／</t>
    </r>
    <phoneticPr fontId="5"/>
  </si>
  <si>
    <r>
      <rPr>
        <sz val="11"/>
        <color theme="1"/>
        <rFont val="ＭＳ Ｐゴシック"/>
        <family val="3"/>
        <charset val="128"/>
      </rPr>
      <t>過塩素酸塩／</t>
    </r>
    <r>
      <rPr>
        <sz val="9"/>
        <color theme="1"/>
        <rFont val="Arial"/>
        <family val="2"/>
      </rPr>
      <t>Perchlorates</t>
    </r>
    <phoneticPr fontId="5"/>
  </si>
  <si>
    <r>
      <rPr>
        <sz val="11"/>
        <color theme="1"/>
        <rFont val="ＭＳ Ｐゴシック"/>
        <family val="3"/>
        <charset val="128"/>
      </rPr>
      <t>電池あたりの質量比が</t>
    </r>
    <r>
      <rPr>
        <sz val="11"/>
        <color theme="1"/>
        <rFont val="Arial"/>
        <family val="2"/>
      </rPr>
      <t>6ppb</t>
    </r>
    <r>
      <rPr>
        <sz val="11"/>
        <color theme="1"/>
        <rFont val="ＭＳ Ｐゴシック"/>
        <family val="3"/>
        <charset val="128"/>
      </rPr>
      <t>以上の含有である（取扱説明書に注意文必要）／</t>
    </r>
    <phoneticPr fontId="5"/>
  </si>
  <si>
    <r>
      <rPr>
        <sz val="11"/>
        <color theme="1"/>
        <rFont val="ＭＳ Ｐゴシック"/>
        <family val="3"/>
        <charset val="128"/>
      </rPr>
      <t>電池あたりの質量比が</t>
    </r>
    <r>
      <rPr>
        <sz val="11"/>
        <color theme="1"/>
        <rFont val="Arial"/>
        <family val="2"/>
      </rPr>
      <t>6ppb</t>
    </r>
    <r>
      <rPr>
        <sz val="11"/>
        <color theme="1"/>
        <rFont val="ＭＳ Ｐゴシック"/>
        <family val="3"/>
        <charset val="128"/>
      </rPr>
      <t>未満の含有である／</t>
    </r>
    <phoneticPr fontId="5"/>
  </si>
  <si>
    <r>
      <rPr>
        <sz val="11"/>
        <color theme="1"/>
        <rFont val="ＭＳ Ｐゴシック"/>
        <family val="3"/>
        <charset val="128"/>
      </rPr>
      <t>長時間皮膚に接触する部分に使用されている／</t>
    </r>
    <phoneticPr fontId="5"/>
  </si>
  <si>
    <r>
      <t xml:space="preserve">&lt; </t>
    </r>
    <r>
      <rPr>
        <sz val="9"/>
        <rFont val="ＭＳ Ｐゴシック"/>
        <family val="3"/>
        <charset val="128"/>
      </rPr>
      <t>次ページへ／</t>
    </r>
    <r>
      <rPr>
        <sz val="9"/>
        <rFont val="Arial"/>
        <family val="2"/>
      </rPr>
      <t>Continued on the next page.&gt;</t>
    </r>
    <phoneticPr fontId="5"/>
  </si>
  <si>
    <r>
      <rPr>
        <sz val="10"/>
        <color theme="1"/>
        <rFont val="MS UI Gothic"/>
        <family val="3"/>
        <charset val="128"/>
      </rPr>
      <t>調査対象物質一覧</t>
    </r>
  </si>
  <si>
    <r>
      <t xml:space="preserve">A1. RoHS </t>
    </r>
    <r>
      <rPr>
        <sz val="10"/>
        <color theme="1"/>
        <rFont val="MS UI Gothic"/>
        <family val="3"/>
        <charset val="128"/>
      </rPr>
      <t>全面禁止</t>
    </r>
  </si>
  <si>
    <r>
      <t xml:space="preserve">A2. RoHS </t>
    </r>
    <r>
      <rPr>
        <sz val="10"/>
        <color theme="1"/>
        <rFont val="MS UI Gothic"/>
        <family val="3"/>
        <charset val="128"/>
      </rPr>
      <t>条件付禁止</t>
    </r>
  </si>
  <si>
    <r>
      <rPr>
        <sz val="10"/>
        <color theme="1"/>
        <rFont val="MS UI Gothic"/>
        <family val="3"/>
        <charset val="128"/>
      </rPr>
      <t>水銀及びその化合物</t>
    </r>
  </si>
  <si>
    <r>
      <t xml:space="preserve">B1. </t>
    </r>
    <r>
      <rPr>
        <sz val="10"/>
        <color theme="1"/>
        <rFont val="MS UI Gothic"/>
        <family val="3"/>
        <charset val="128"/>
      </rPr>
      <t>その他</t>
    </r>
    <r>
      <rPr>
        <sz val="10"/>
        <color theme="1"/>
        <rFont val="Arial"/>
        <family val="2"/>
      </rPr>
      <t xml:space="preserve"> </t>
    </r>
    <r>
      <rPr>
        <sz val="10"/>
        <color theme="1"/>
        <rFont val="MS UI Gothic"/>
        <family val="3"/>
        <charset val="128"/>
      </rPr>
      <t>全面禁止</t>
    </r>
  </si>
  <si>
    <r>
      <rPr>
        <sz val="10"/>
        <color theme="1"/>
        <rFont val="MS UI Gothic"/>
        <family val="3"/>
        <charset val="128"/>
      </rPr>
      <t>トリブチルスズ</t>
    </r>
    <r>
      <rPr>
        <sz val="10"/>
        <color theme="1"/>
        <rFont val="Arial"/>
        <family val="2"/>
      </rPr>
      <t>=</t>
    </r>
    <r>
      <rPr>
        <sz val="10"/>
        <color theme="1"/>
        <rFont val="MS UI Gothic"/>
        <family val="3"/>
        <charset val="128"/>
      </rPr>
      <t>オキシド（</t>
    </r>
    <r>
      <rPr>
        <sz val="10"/>
        <color theme="1"/>
        <rFont val="Arial"/>
        <family val="2"/>
      </rPr>
      <t>TBTO</t>
    </r>
    <r>
      <rPr>
        <sz val="10"/>
        <color theme="1"/>
        <rFont val="MS UI Gothic"/>
        <family val="3"/>
        <charset val="128"/>
      </rPr>
      <t>）</t>
    </r>
  </si>
  <si>
    <r>
      <rPr>
        <sz val="10"/>
        <color theme="1"/>
        <rFont val="MS UI Gothic"/>
        <family val="3"/>
        <charset val="128"/>
      </rPr>
      <t>三置換有機スズ化合物</t>
    </r>
  </si>
  <si>
    <r>
      <rPr>
        <sz val="10"/>
        <color theme="1"/>
        <rFont val="MS UI Gothic"/>
        <family val="3"/>
        <charset val="128"/>
      </rPr>
      <t>ポリ塩化ビフェニル類（</t>
    </r>
    <r>
      <rPr>
        <sz val="10"/>
        <color theme="1"/>
        <rFont val="Arial"/>
        <family val="2"/>
      </rPr>
      <t>PCB</t>
    </r>
    <r>
      <rPr>
        <sz val="10"/>
        <color theme="1"/>
        <rFont val="MS UI Gothic"/>
        <family val="3"/>
        <charset val="128"/>
      </rPr>
      <t>類）、_x000D_
及び特定代替物質</t>
    </r>
  </si>
  <si>
    <r>
      <rPr>
        <sz val="10"/>
        <color theme="1"/>
        <rFont val="MS UI Gothic"/>
        <family val="3"/>
        <charset val="128"/>
      </rPr>
      <t>ポリ塩化ナフタレン</t>
    </r>
  </si>
  <si>
    <r>
      <rPr>
        <sz val="10"/>
        <color theme="1"/>
        <rFont val="MS UI Gothic"/>
        <family val="3"/>
        <charset val="128"/>
      </rPr>
      <t>短鎖型塩化パラフィン</t>
    </r>
  </si>
  <si>
    <r>
      <rPr>
        <sz val="10"/>
        <color theme="1"/>
        <rFont val="MS UI Gothic"/>
        <family val="3"/>
        <charset val="128"/>
      </rPr>
      <t>アスベスト類</t>
    </r>
  </si>
  <si>
    <r>
      <rPr>
        <sz val="10"/>
        <color theme="1"/>
        <rFont val="MS UI Gothic"/>
        <family val="3"/>
        <charset val="128"/>
      </rPr>
      <t>ポリ塩化ターフェニル類</t>
    </r>
    <r>
      <rPr>
        <sz val="10"/>
        <color theme="1"/>
        <rFont val="Arial"/>
        <family val="2"/>
      </rPr>
      <t xml:space="preserve"> </t>
    </r>
    <r>
      <rPr>
        <sz val="10"/>
        <color theme="1"/>
        <rFont val="MS UI Gothic"/>
        <family val="3"/>
        <charset val="128"/>
      </rPr>
      <t>（</t>
    </r>
    <r>
      <rPr>
        <sz val="10"/>
        <color theme="1"/>
        <rFont val="Arial"/>
        <family val="2"/>
      </rPr>
      <t>PCT</t>
    </r>
    <r>
      <rPr>
        <sz val="10"/>
        <color theme="1"/>
        <rFont val="MS UI Gothic"/>
        <family val="3"/>
        <charset val="128"/>
      </rPr>
      <t>類）</t>
    </r>
  </si>
  <si>
    <r>
      <t>2-</t>
    </r>
    <r>
      <rPr>
        <sz val="10"/>
        <color theme="1"/>
        <rFont val="MS UI Gothic"/>
        <family val="3"/>
        <charset val="128"/>
      </rPr>
      <t>（</t>
    </r>
    <r>
      <rPr>
        <sz val="10"/>
        <color theme="1"/>
        <rFont val="Arial"/>
        <family val="2"/>
      </rPr>
      <t>2H-1,2,3-</t>
    </r>
    <r>
      <rPr>
        <sz val="10"/>
        <color theme="1"/>
        <rFont val="MS UI Gothic"/>
        <family val="3"/>
        <charset val="128"/>
      </rPr>
      <t>ベンゾ</t>
    </r>
    <r>
      <rPr>
        <sz val="10"/>
        <color theme="1"/>
        <rFont val="Arial"/>
        <family val="2"/>
      </rPr>
      <t xml:space="preserve"> </t>
    </r>
    <r>
      <rPr>
        <sz val="10"/>
        <color theme="1"/>
        <rFont val="MS UI Gothic"/>
        <family val="3"/>
        <charset val="128"/>
      </rPr>
      <t>トリアゾール</t>
    </r>
    <r>
      <rPr>
        <sz val="10"/>
        <color theme="1"/>
        <rFont val="Arial"/>
        <family val="2"/>
      </rPr>
      <t>-2-</t>
    </r>
    <r>
      <rPr>
        <sz val="10"/>
        <color theme="1"/>
        <rFont val="MS UI Gothic"/>
        <family val="3"/>
        <charset val="128"/>
      </rPr>
      <t>イル）</t>
    </r>
    <r>
      <rPr>
        <sz val="10"/>
        <color theme="1"/>
        <rFont val="Arial"/>
        <family val="2"/>
      </rPr>
      <t>-4,6-</t>
    </r>
    <r>
      <rPr>
        <sz val="10"/>
        <color theme="1"/>
        <rFont val="MS UI Gothic"/>
        <family val="3"/>
        <charset val="128"/>
      </rPr>
      <t>ジ</t>
    </r>
    <r>
      <rPr>
        <sz val="10"/>
        <color theme="1"/>
        <rFont val="Arial"/>
        <family val="2"/>
      </rPr>
      <t>-tert-</t>
    </r>
    <r>
      <rPr>
        <sz val="10"/>
        <color theme="1"/>
        <rFont val="MS UI Gothic"/>
        <family val="3"/>
        <charset val="128"/>
      </rPr>
      <t>ブチルフェノール</t>
    </r>
  </si>
  <si>
    <r>
      <t xml:space="preserve">B3. </t>
    </r>
    <r>
      <rPr>
        <sz val="10"/>
        <color theme="1"/>
        <rFont val="MS UI Gothic"/>
        <family val="3"/>
        <charset val="128"/>
      </rPr>
      <t>オゾン層破壊物質</t>
    </r>
  </si>
  <si>
    <r>
      <rPr>
        <sz val="10"/>
        <color theme="1"/>
        <rFont val="MS UI Gothic"/>
        <family val="3"/>
        <charset val="128"/>
      </rPr>
      <t>オゾン層破壊物質</t>
    </r>
    <r>
      <rPr>
        <sz val="10"/>
        <color theme="1"/>
        <rFont val="Arial"/>
        <family val="2"/>
      </rPr>
      <t xml:space="preserve"> </t>
    </r>
  </si>
  <si>
    <r>
      <rPr>
        <sz val="10"/>
        <rFont val="ＭＳ Ｐゴシック"/>
        <family val="3"/>
        <charset val="128"/>
      </rPr>
      <t>化審法、</t>
    </r>
    <r>
      <rPr>
        <sz val="10"/>
        <rFont val="Arial"/>
        <family val="2"/>
      </rP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phoneticPr fontId="5"/>
  </si>
  <si>
    <r>
      <rPr>
        <sz val="10"/>
        <rFont val="ＭＳ Ｐゴシック"/>
        <family val="3"/>
        <charset val="128"/>
      </rPr>
      <t>化審法、</t>
    </r>
    <r>
      <rPr>
        <sz val="10"/>
        <rFont val="Arial"/>
        <family val="2"/>
      </rPr>
      <t>EU POPs</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I</t>
    </r>
    <phoneticPr fontId="5"/>
  </si>
  <si>
    <r>
      <t>RoHS</t>
    </r>
    <r>
      <rPr>
        <sz val="10"/>
        <rFont val="ＭＳ Ｐゴシック"/>
        <family val="3"/>
        <charset val="128"/>
      </rPr>
      <t>関連のフタル酸エステル</t>
    </r>
    <r>
      <rPr>
        <sz val="10"/>
        <rFont val="Arial"/>
        <family val="2"/>
      </rPr>
      <t>4</t>
    </r>
    <r>
      <rPr>
        <sz val="10"/>
        <rFont val="ＭＳ Ｐゴシック"/>
        <family val="3"/>
        <charset val="128"/>
      </rPr>
      <t>物質以外のフタル酸エステル類</t>
    </r>
    <phoneticPr fontId="5"/>
  </si>
  <si>
    <r>
      <t>EU REACH</t>
    </r>
    <r>
      <rPr>
        <sz val="10"/>
        <rFont val="ＭＳ Ｐゴシック"/>
        <family val="3"/>
        <charset val="128"/>
      </rPr>
      <t>規則</t>
    </r>
    <r>
      <rPr>
        <sz val="10"/>
        <rFont val="Arial"/>
        <family val="2"/>
      </rPr>
      <t xml:space="preserve"> </t>
    </r>
    <r>
      <rPr>
        <sz val="10"/>
        <rFont val="ＭＳ Ｐゴシック"/>
        <family val="3"/>
        <charset val="128"/>
      </rPr>
      <t>附属書</t>
    </r>
    <r>
      <rPr>
        <sz val="10"/>
        <rFont val="Arial"/>
        <family val="2"/>
      </rPr>
      <t>XVII</t>
    </r>
    <r>
      <rPr>
        <sz val="10"/>
        <rFont val="ＭＳ Ｐゴシック"/>
        <family val="3"/>
        <charset val="128"/>
      </rPr>
      <t>、米国消費者製品安全改善法（</t>
    </r>
    <r>
      <rPr>
        <sz val="10"/>
        <rFont val="Arial"/>
        <family val="2"/>
      </rPr>
      <t>CPSIA</t>
    </r>
    <r>
      <rPr>
        <sz val="10"/>
        <rFont val="ＭＳ Ｐゴシック"/>
        <family val="3"/>
        <charset val="128"/>
      </rPr>
      <t>）</t>
    </r>
    <phoneticPr fontId="5"/>
  </si>
  <si>
    <r>
      <rPr>
        <sz val="10"/>
        <rFont val="ＭＳ Ｐゴシック"/>
        <family val="3"/>
        <charset val="128"/>
      </rPr>
      <t xml:space="preserve">放射性同位元素等による放射線障害の防止に関する法律、核原料物質、核燃料物質及び原子炉の規制に関する法律
</t>
    </r>
    <phoneticPr fontId="5"/>
  </si>
  <si>
    <r>
      <rPr>
        <sz val="10"/>
        <rFont val="ＭＳ Ｐゴシック"/>
        <family val="3"/>
        <charset val="128"/>
      </rPr>
      <t xml:space="preserve">四ホウ酸二ナトリウム無水物、四ホウ酸二ナトリウム水和物
</t>
    </r>
    <phoneticPr fontId="5"/>
  </si>
  <si>
    <r>
      <rPr>
        <sz val="10"/>
        <rFont val="ＭＳ Ｐゴシック"/>
        <family val="3"/>
        <charset val="128"/>
      </rPr>
      <t>パーフルオロオクタン酸（</t>
    </r>
    <r>
      <rPr>
        <sz val="10"/>
        <rFont val="Arial"/>
        <family val="2"/>
      </rPr>
      <t>PFOA</t>
    </r>
    <r>
      <rPr>
        <sz val="10"/>
        <rFont val="ＭＳ Ｐゴシック"/>
        <family val="3"/>
        <charset val="128"/>
      </rPr>
      <t>）とその塩およびそのエステル</t>
    </r>
    <phoneticPr fontId="5"/>
  </si>
  <si>
    <r>
      <rPr>
        <sz val="10"/>
        <rFont val="ＭＳ Ｐゴシック"/>
        <family val="3"/>
        <charset val="128"/>
      </rPr>
      <t>リン酸トリス（</t>
    </r>
    <r>
      <rPr>
        <sz val="10"/>
        <rFont val="Arial"/>
        <family val="2"/>
      </rPr>
      <t>2-</t>
    </r>
    <r>
      <rPr>
        <sz val="10"/>
        <rFont val="ＭＳ Ｐゴシック"/>
        <family val="3"/>
        <charset val="128"/>
      </rPr>
      <t>クロロエチル）（</t>
    </r>
    <r>
      <rPr>
        <sz val="10"/>
        <rFont val="Arial"/>
        <family val="2"/>
      </rPr>
      <t>TCEP</t>
    </r>
    <r>
      <rPr>
        <sz val="10"/>
        <rFont val="ＭＳ Ｐゴシック"/>
        <family val="3"/>
        <charset val="128"/>
      </rPr>
      <t>）</t>
    </r>
    <phoneticPr fontId="5"/>
  </si>
  <si>
    <r>
      <rPr>
        <sz val="10"/>
        <rFont val="ＭＳ Ｐゴシック"/>
        <family val="3"/>
        <charset val="128"/>
      </rPr>
      <t>（</t>
    </r>
    <r>
      <rPr>
        <sz val="10"/>
        <rFont val="Arial"/>
        <family val="2"/>
      </rPr>
      <t>EU REACH</t>
    </r>
    <r>
      <rPr>
        <sz val="10"/>
        <rFont val="ＭＳ Ｐゴシック"/>
        <family val="3"/>
        <charset val="128"/>
      </rPr>
      <t>規則）</t>
    </r>
    <rPh sb="9" eb="11">
      <t>キソク</t>
    </rPh>
    <phoneticPr fontId="5"/>
  </si>
  <si>
    <r>
      <rPr>
        <sz val="11"/>
        <rFont val="ＭＳ Ｐゴシック"/>
        <family val="3"/>
        <charset val="128"/>
      </rPr>
      <t>含有化学物質につき以下の通りであることを報告します／</t>
    </r>
    <rPh sb="0" eb="2">
      <t>ガンユウ</t>
    </rPh>
    <rPh sb="2" eb="4">
      <t>カガク</t>
    </rPh>
    <phoneticPr fontId="5"/>
  </si>
  <si>
    <t>We report the following verified results on the chemical substances.</t>
    <phoneticPr fontId="5"/>
  </si>
  <si>
    <r>
      <t xml:space="preserve">*1) </t>
    </r>
    <r>
      <rPr>
        <sz val="9"/>
        <rFont val="ＭＳ Ｐゴシック"/>
        <family val="3"/>
        <charset val="128"/>
      </rPr>
      <t>含有率の算出単位は特に記載のない場合は均質材料です／</t>
    </r>
    <phoneticPr fontId="5"/>
  </si>
  <si>
    <r>
      <rPr>
        <b/>
        <u/>
        <sz val="10"/>
        <rFont val="ＭＳ Ｐゴシック"/>
        <family val="3"/>
        <charset val="128"/>
      </rPr>
      <t>（注）上記確認結果が｢</t>
    </r>
    <r>
      <rPr>
        <b/>
        <u/>
        <sz val="10"/>
        <rFont val="Arial"/>
        <family val="2"/>
      </rPr>
      <t>Not Applicable</t>
    </r>
    <r>
      <rPr>
        <b/>
        <u/>
        <sz val="10"/>
        <rFont val="ＭＳ Ｐゴシック"/>
        <family val="3"/>
        <charset val="128"/>
      </rPr>
      <t>｣の場合は、シャープでの採用は原則不可／</t>
    </r>
  </si>
  <si>
    <t>Note) When the result shows "Not Applicable", the product is not adopted by SHARP in principle.</t>
    <phoneticPr fontId="5"/>
  </si>
  <si>
    <t>Content in plastics is 300ppm or less. Content in others is 1000ppm or less. Regarding batteries, complying with the EU Battery Directive (2006/66/EC, 2013/56/EU).
However, in case of use in toy/products for children, answer related criteria in A2-Appendix Table.</t>
    <phoneticPr fontId="5"/>
  </si>
  <si>
    <r>
      <rPr>
        <sz val="11"/>
        <rFont val="ＭＳ Ｐゴシック"/>
        <family val="2"/>
        <charset val="128"/>
      </rPr>
      <t>水銀及びその化合物／</t>
    </r>
    <phoneticPr fontId="5"/>
  </si>
  <si>
    <r>
      <t>1000ppm</t>
    </r>
    <r>
      <rPr>
        <sz val="11"/>
        <rFont val="ＭＳ Ｐゴシック"/>
        <family val="2"/>
        <charset val="128"/>
      </rPr>
      <t>以下の含有である。また、電池に関しては、</t>
    </r>
    <r>
      <rPr>
        <sz val="11"/>
        <rFont val="Arial"/>
        <family val="2"/>
      </rPr>
      <t>EU</t>
    </r>
    <r>
      <rPr>
        <sz val="11"/>
        <rFont val="ＭＳ Ｐゴシック"/>
        <family val="2"/>
        <charset val="128"/>
      </rPr>
      <t>電池指令（</t>
    </r>
    <r>
      <rPr>
        <sz val="11"/>
        <rFont val="Arial"/>
        <family val="2"/>
      </rPr>
      <t>2006/66/EC</t>
    </r>
    <r>
      <rPr>
        <sz val="11"/>
        <rFont val="ＭＳ Ｐゴシック"/>
        <family val="2"/>
        <charset val="128"/>
      </rPr>
      <t>、</t>
    </r>
    <r>
      <rPr>
        <sz val="11"/>
        <rFont val="Arial"/>
        <family val="2"/>
      </rPr>
      <t>2013/56/EU</t>
    </r>
    <r>
      <rPr>
        <sz val="11"/>
        <rFont val="ＭＳ Ｐゴシック"/>
        <family val="2"/>
        <charset val="128"/>
      </rPr>
      <t>）を満足している／</t>
    </r>
    <phoneticPr fontId="5"/>
  </si>
  <si>
    <r>
      <t xml:space="preserve">*1) </t>
    </r>
    <r>
      <rPr>
        <sz val="9"/>
        <rFont val="ＭＳ Ｐゴシック"/>
        <family val="3"/>
        <charset val="128"/>
      </rPr>
      <t>含有率の算出単位は特に記載のない場合は均質材料です／</t>
    </r>
    <phoneticPr fontId="5"/>
  </si>
  <si>
    <r>
      <t>*2) EU</t>
    </r>
    <r>
      <rPr>
        <sz val="9"/>
        <rFont val="ＭＳ Ｐゴシック"/>
        <family val="3"/>
        <charset val="128"/>
      </rPr>
      <t>包装材指令等により、包装材料用部品、包装用材料については、部材、インキ、塗料毎に含まれるカドミウム、鉛、水銀、六価クロムの合計が</t>
    </r>
    <r>
      <rPr>
        <sz val="9"/>
        <rFont val="Arial"/>
        <family val="2"/>
      </rPr>
      <t>100ppm</t>
    </r>
    <r>
      <rPr>
        <sz val="9"/>
        <rFont val="ＭＳ Ｐゴシック"/>
        <family val="3"/>
        <charset val="128"/>
      </rPr>
      <t>以下です／</t>
    </r>
    <phoneticPr fontId="5"/>
  </si>
  <si>
    <t>When the result shows "Not Applicable", we complete the A2-Appendix where the use of each substance is detailed and attach it.</t>
    <phoneticPr fontId="5"/>
  </si>
  <si>
    <r>
      <rPr>
        <sz val="11"/>
        <rFont val="ＭＳ Ｐゴシック"/>
        <family val="2"/>
        <charset val="128"/>
      </rPr>
      <t>ヘキサブロモシクロドデカン（</t>
    </r>
    <r>
      <rPr>
        <sz val="11"/>
        <rFont val="Arial"/>
        <family val="2"/>
      </rPr>
      <t>HBCDD</t>
    </r>
    <r>
      <rPr>
        <sz val="11"/>
        <rFont val="ＭＳ Ｐゴシック"/>
        <family val="2"/>
        <charset val="128"/>
      </rPr>
      <t>）／</t>
    </r>
    <phoneticPr fontId="5"/>
  </si>
  <si>
    <r>
      <rPr>
        <sz val="11"/>
        <rFont val="ＭＳ Ｐゴシック"/>
        <family val="2"/>
        <charset val="128"/>
      </rPr>
      <t>意図的に添加せず、かつ</t>
    </r>
    <r>
      <rPr>
        <sz val="11"/>
        <rFont val="Arial"/>
        <family val="2"/>
      </rPr>
      <t>100ppm</t>
    </r>
    <r>
      <rPr>
        <sz val="11"/>
        <rFont val="ＭＳ Ｐゴシック"/>
        <family val="2"/>
        <charset val="128"/>
      </rPr>
      <t>以下の含有である／</t>
    </r>
    <phoneticPr fontId="5"/>
  </si>
  <si>
    <t>Content is 100ppm or less.  Not intentionally added.</t>
    <phoneticPr fontId="5"/>
  </si>
  <si>
    <r>
      <rPr>
        <sz val="11"/>
        <rFont val="ＭＳ Ｐゴシック"/>
        <family val="2"/>
        <charset val="128"/>
      </rPr>
      <t>塩化コバルト／</t>
    </r>
    <phoneticPr fontId="5"/>
  </si>
  <si>
    <r>
      <rPr>
        <sz val="11"/>
        <rFont val="ＭＳ Ｐゴシック"/>
        <family val="2"/>
        <charset val="128"/>
      </rPr>
      <t>意図的に添加せず、かつ</t>
    </r>
    <r>
      <rPr>
        <sz val="11"/>
        <rFont val="Arial"/>
        <family val="2"/>
      </rPr>
      <t>1000ppm</t>
    </r>
    <r>
      <rPr>
        <sz val="11"/>
        <rFont val="ＭＳ Ｐゴシック"/>
        <family val="2"/>
        <charset val="128"/>
      </rPr>
      <t>以下の含有である／</t>
    </r>
    <phoneticPr fontId="5"/>
  </si>
  <si>
    <r>
      <rPr>
        <sz val="11"/>
        <rFont val="ＭＳ Ｐゴシック"/>
        <family val="2"/>
        <charset val="128"/>
      </rPr>
      <t>ジメチルフマレート／</t>
    </r>
    <phoneticPr fontId="5"/>
  </si>
  <si>
    <r>
      <rPr>
        <sz val="11"/>
        <rFont val="ＭＳ Ｐゴシック"/>
        <family val="2"/>
        <charset val="128"/>
      </rPr>
      <t>意図的に添加せず、かつ</t>
    </r>
    <r>
      <rPr>
        <sz val="11"/>
        <rFont val="Arial"/>
        <family val="2"/>
      </rPr>
      <t>0.1ppm</t>
    </r>
    <r>
      <rPr>
        <sz val="11"/>
        <rFont val="ＭＳ Ｐゴシック"/>
        <family val="2"/>
        <charset val="128"/>
      </rPr>
      <t>以下の含有である／</t>
    </r>
    <phoneticPr fontId="5"/>
  </si>
  <si>
    <r>
      <rPr>
        <sz val="11"/>
        <rFont val="ＭＳ Ｐゴシック"/>
        <family val="2"/>
        <charset val="128"/>
      </rPr>
      <t>アルミノ珪酸塩、耐火セラミック繊維／</t>
    </r>
    <phoneticPr fontId="5"/>
  </si>
  <si>
    <r>
      <rPr>
        <sz val="11"/>
        <rFont val="ＭＳ Ｐゴシック"/>
        <family val="2"/>
        <charset val="128"/>
      </rPr>
      <t>意図的に添加していない／</t>
    </r>
    <phoneticPr fontId="5"/>
  </si>
  <si>
    <r>
      <rPr>
        <sz val="11"/>
        <rFont val="ＭＳ Ｐゴシック"/>
        <family val="2"/>
        <charset val="128"/>
      </rPr>
      <t>ジルコニアアルミノ珪酸塩、耐火セラミック繊維／</t>
    </r>
    <phoneticPr fontId="5"/>
  </si>
  <si>
    <r>
      <rPr>
        <sz val="11"/>
        <rFont val="ＭＳ Ｐゴシック"/>
        <family val="2"/>
        <charset val="128"/>
      </rPr>
      <t>ジブチルスズ化合物（</t>
    </r>
    <r>
      <rPr>
        <sz val="11"/>
        <rFont val="Arial"/>
        <family val="2"/>
      </rPr>
      <t>DBT</t>
    </r>
    <r>
      <rPr>
        <sz val="11"/>
        <rFont val="ＭＳ Ｐゴシック"/>
        <family val="2"/>
        <charset val="128"/>
      </rPr>
      <t>）／</t>
    </r>
    <phoneticPr fontId="5"/>
  </si>
  <si>
    <r>
      <rPr>
        <sz val="11"/>
        <rFont val="ＭＳ Ｐゴシック"/>
        <family val="2"/>
        <charset val="128"/>
      </rPr>
      <t>スズの元素として、材料中の</t>
    </r>
    <r>
      <rPr>
        <sz val="11"/>
        <rFont val="Arial"/>
        <family val="2"/>
      </rPr>
      <t>1000ppm</t>
    </r>
    <r>
      <rPr>
        <sz val="11"/>
        <rFont val="ＭＳ Ｐゴシック"/>
        <family val="2"/>
        <charset val="128"/>
      </rPr>
      <t>以下の含有である／</t>
    </r>
    <phoneticPr fontId="5"/>
  </si>
  <si>
    <t>Note) When the result shows "Not Applicable", the product is not adopted by SHARP in principle.</t>
    <phoneticPr fontId="5"/>
  </si>
  <si>
    <r>
      <rPr>
        <sz val="11"/>
        <rFont val="ＭＳ Ｐゴシック"/>
        <family val="2"/>
        <charset val="128"/>
      </rPr>
      <t>ニッケル</t>
    </r>
    <r>
      <rPr>
        <sz val="11"/>
        <rFont val="ＭＳ Ｐゴシック"/>
        <family val="3"/>
        <charset val="128"/>
      </rPr>
      <t>及びその化合物</t>
    </r>
    <r>
      <rPr>
        <sz val="11"/>
        <rFont val="ＭＳ Ｐゴシック"/>
        <family val="2"/>
        <charset val="128"/>
      </rPr>
      <t>／</t>
    </r>
    <rPh sb="4" eb="5">
      <t>オヨ</t>
    </rPh>
    <rPh sb="8" eb="10">
      <t>カゴウ</t>
    </rPh>
    <rPh sb="10" eb="11">
      <t>ブツ</t>
    </rPh>
    <phoneticPr fontId="5"/>
  </si>
  <si>
    <r>
      <rPr>
        <sz val="11"/>
        <rFont val="ＭＳ Ｐゴシック"/>
        <family val="2"/>
        <charset val="128"/>
      </rPr>
      <t>意図的に添加していない／</t>
    </r>
    <phoneticPr fontId="5"/>
  </si>
  <si>
    <t>Nickel and its compound</t>
    <phoneticPr fontId="5"/>
  </si>
  <si>
    <r>
      <rPr>
        <sz val="11"/>
        <rFont val="ＭＳ Ｐゴシック"/>
        <family val="2"/>
        <charset val="128"/>
      </rPr>
      <t>ヒ素及びその化合物／</t>
    </r>
    <phoneticPr fontId="5"/>
  </si>
  <si>
    <r>
      <rPr>
        <sz val="11"/>
        <rFont val="ＭＳ Ｐゴシック"/>
        <family val="2"/>
        <charset val="128"/>
      </rPr>
      <t>ホウ酸／</t>
    </r>
    <phoneticPr fontId="5"/>
  </si>
  <si>
    <r>
      <rPr>
        <sz val="11"/>
        <rFont val="ＭＳ Ｐゴシック"/>
        <family val="2"/>
        <charset val="128"/>
      </rPr>
      <t>意図的に添加せず、かつ</t>
    </r>
    <r>
      <rPr>
        <sz val="11"/>
        <rFont val="Arial"/>
        <family val="2"/>
      </rPr>
      <t>1000ppm</t>
    </r>
    <r>
      <rPr>
        <sz val="11"/>
        <rFont val="ＭＳ Ｐゴシック"/>
        <family val="2"/>
        <charset val="128"/>
      </rPr>
      <t>以下の含有である／</t>
    </r>
    <phoneticPr fontId="5"/>
  </si>
  <si>
    <r>
      <rPr>
        <sz val="11"/>
        <rFont val="ＭＳ Ｐゴシック"/>
        <family val="2"/>
        <charset val="128"/>
      </rPr>
      <t>四ホウ酸二ナトリウム無水物、四ホウ酸二ナトリウム水和物／</t>
    </r>
    <phoneticPr fontId="5"/>
  </si>
  <si>
    <r>
      <rPr>
        <sz val="11"/>
        <rFont val="ＭＳ Ｐゴシック"/>
        <family val="2"/>
        <charset val="128"/>
      </rPr>
      <t>ジオクチルスズ化合物</t>
    </r>
    <r>
      <rPr>
        <sz val="11"/>
        <rFont val="Arial"/>
        <family val="2"/>
      </rPr>
      <t xml:space="preserve"> </t>
    </r>
    <r>
      <rPr>
        <sz val="11"/>
        <rFont val="ＭＳ Ｐゴシック"/>
        <family val="2"/>
        <charset val="128"/>
      </rPr>
      <t>（</t>
    </r>
    <r>
      <rPr>
        <sz val="11"/>
        <rFont val="Arial"/>
        <family val="2"/>
      </rPr>
      <t>DOT</t>
    </r>
    <r>
      <rPr>
        <sz val="11"/>
        <rFont val="ＭＳ Ｐゴシック"/>
        <family val="2"/>
        <charset val="128"/>
      </rPr>
      <t>）／</t>
    </r>
    <phoneticPr fontId="5"/>
  </si>
  <si>
    <r>
      <rPr>
        <sz val="11"/>
        <rFont val="ＭＳ Ｐゴシック"/>
        <family val="2"/>
        <charset val="128"/>
      </rPr>
      <t>パーフルオロオクタン酸（</t>
    </r>
    <r>
      <rPr>
        <sz val="11"/>
        <rFont val="Arial"/>
        <family val="2"/>
      </rPr>
      <t>PFOA</t>
    </r>
    <r>
      <rPr>
        <sz val="11"/>
        <rFont val="ＭＳ Ｐゴシック"/>
        <family val="2"/>
        <charset val="128"/>
      </rPr>
      <t>）とその塩およびそのエステル／</t>
    </r>
    <phoneticPr fontId="5"/>
  </si>
  <si>
    <r>
      <rPr>
        <sz val="11"/>
        <rFont val="ＭＳ Ｐゴシック"/>
        <family val="2"/>
        <charset val="128"/>
      </rPr>
      <t>意図的に添加せず、かつ被覆材は</t>
    </r>
    <r>
      <rPr>
        <sz val="11"/>
        <rFont val="Arial"/>
        <family val="2"/>
      </rPr>
      <t>1μg</t>
    </r>
    <r>
      <rPr>
        <sz val="11"/>
        <rFont val="ＭＳ Ｐゴシック"/>
        <family val="2"/>
        <charset val="128"/>
      </rPr>
      <t>／</t>
    </r>
    <r>
      <rPr>
        <sz val="11"/>
        <rFont val="Arial"/>
        <family val="2"/>
      </rPr>
      <t>m2</t>
    </r>
    <r>
      <rPr>
        <sz val="11"/>
        <rFont val="ＭＳ Ｐゴシック"/>
        <family val="2"/>
        <charset val="128"/>
      </rPr>
      <t>以下、それ以外は</t>
    </r>
    <r>
      <rPr>
        <sz val="11"/>
        <rFont val="Arial"/>
        <family val="2"/>
      </rPr>
      <t>1000ppm</t>
    </r>
    <r>
      <rPr>
        <sz val="11"/>
        <rFont val="ＭＳ Ｐゴシック"/>
        <family val="2"/>
        <charset val="128"/>
      </rPr>
      <t>以下の含有である／</t>
    </r>
    <phoneticPr fontId="5"/>
  </si>
  <si>
    <r>
      <rPr>
        <sz val="11"/>
        <rFont val="ＭＳ Ｐゴシック"/>
        <family val="2"/>
        <charset val="128"/>
      </rPr>
      <t>塩素系難燃剤／</t>
    </r>
    <phoneticPr fontId="5"/>
  </si>
  <si>
    <r>
      <rPr>
        <sz val="11"/>
        <rFont val="ＭＳ Ｐゴシック"/>
        <family val="2"/>
        <charset val="128"/>
      </rPr>
      <t>リン酸トリス（</t>
    </r>
    <r>
      <rPr>
        <sz val="11"/>
        <rFont val="Arial"/>
        <family val="2"/>
      </rPr>
      <t>2-</t>
    </r>
    <r>
      <rPr>
        <sz val="11"/>
        <rFont val="ＭＳ Ｐゴシック"/>
        <family val="2"/>
        <charset val="128"/>
      </rPr>
      <t>クロロエチル）</t>
    </r>
    <r>
      <rPr>
        <sz val="11"/>
        <rFont val="ＭＳ Ｐゴシック"/>
        <family val="3"/>
        <charset val="128"/>
      </rPr>
      <t>（</t>
    </r>
    <r>
      <rPr>
        <sz val="11"/>
        <rFont val="Arial"/>
        <family val="2"/>
      </rPr>
      <t>TCEP</t>
    </r>
    <r>
      <rPr>
        <sz val="11"/>
        <rFont val="ＭＳ Ｐゴシック"/>
        <family val="3"/>
        <charset val="128"/>
      </rPr>
      <t>）</t>
    </r>
    <r>
      <rPr>
        <sz val="11"/>
        <rFont val="ＭＳ Ｐゴシック"/>
        <family val="2"/>
        <charset val="128"/>
      </rPr>
      <t>／</t>
    </r>
    <phoneticPr fontId="5"/>
  </si>
  <si>
    <r>
      <rPr>
        <sz val="11"/>
        <rFont val="ＭＳ Ｐゴシック"/>
        <family val="2"/>
        <charset val="128"/>
      </rPr>
      <t>意図的に添加せず、かつ</t>
    </r>
    <r>
      <rPr>
        <sz val="11"/>
        <rFont val="Arial"/>
        <family val="2"/>
      </rPr>
      <t>1000ppm</t>
    </r>
    <r>
      <rPr>
        <sz val="11"/>
        <rFont val="ＭＳ Ｐゴシック"/>
        <family val="2"/>
        <charset val="128"/>
      </rPr>
      <t>以下の含有である／</t>
    </r>
    <phoneticPr fontId="5"/>
  </si>
  <si>
    <t>Tris (2-chloroethyl) phosphate (TCEP)</t>
    <phoneticPr fontId="5"/>
  </si>
  <si>
    <r>
      <rPr>
        <sz val="11"/>
        <rFont val="ＭＳ Ｐゴシック"/>
        <family val="2"/>
        <charset val="128"/>
      </rPr>
      <t>リン酸トリス（</t>
    </r>
    <r>
      <rPr>
        <sz val="11"/>
        <rFont val="Arial"/>
        <family val="2"/>
      </rPr>
      <t>1-</t>
    </r>
    <r>
      <rPr>
        <sz val="11"/>
        <rFont val="ＭＳ Ｐゴシック"/>
        <family val="2"/>
        <charset val="128"/>
      </rPr>
      <t>メチル</t>
    </r>
    <r>
      <rPr>
        <sz val="11"/>
        <rFont val="Arial"/>
        <family val="2"/>
      </rPr>
      <t>-2-</t>
    </r>
    <r>
      <rPr>
        <sz val="11"/>
        <rFont val="ＭＳ Ｐゴシック"/>
        <family val="2"/>
        <charset val="128"/>
      </rPr>
      <t xml:space="preserve">クロロエチル）
</t>
    </r>
    <r>
      <rPr>
        <sz val="11"/>
        <rFont val="ＭＳ Ｐゴシック"/>
        <family val="3"/>
        <charset val="128"/>
      </rPr>
      <t>（</t>
    </r>
    <r>
      <rPr>
        <sz val="11"/>
        <rFont val="Arial"/>
        <family val="2"/>
      </rPr>
      <t>TCPP</t>
    </r>
    <r>
      <rPr>
        <sz val="11"/>
        <rFont val="ＭＳ Ｐゴシック"/>
        <family val="3"/>
        <charset val="128"/>
      </rPr>
      <t>）</t>
    </r>
    <r>
      <rPr>
        <sz val="11"/>
        <rFont val="ＭＳ Ｐゴシック"/>
        <family val="2"/>
        <charset val="128"/>
      </rPr>
      <t>／</t>
    </r>
    <phoneticPr fontId="5"/>
  </si>
  <si>
    <t>Tris(2-chloro-1-methylethyl) phosphate (TCPP)</t>
    <phoneticPr fontId="5"/>
  </si>
  <si>
    <r>
      <rPr>
        <sz val="11"/>
        <rFont val="ＭＳ Ｐゴシック"/>
        <family val="2"/>
        <charset val="128"/>
      </rPr>
      <t>リン酸トリス（</t>
    </r>
    <r>
      <rPr>
        <sz val="11"/>
        <rFont val="Arial"/>
        <family val="2"/>
      </rPr>
      <t>1,3-</t>
    </r>
    <r>
      <rPr>
        <sz val="11"/>
        <rFont val="ＭＳ Ｐゴシック"/>
        <family val="2"/>
        <charset val="128"/>
      </rPr>
      <t>ジクロロ</t>
    </r>
    <r>
      <rPr>
        <sz val="11"/>
        <rFont val="Arial"/>
        <family val="2"/>
      </rPr>
      <t>-2-</t>
    </r>
    <r>
      <rPr>
        <sz val="11"/>
        <rFont val="ＭＳ Ｐゴシック"/>
        <family val="2"/>
        <charset val="128"/>
      </rPr>
      <t>プロピル）
（</t>
    </r>
    <r>
      <rPr>
        <sz val="11"/>
        <rFont val="Arial"/>
        <family val="2"/>
      </rPr>
      <t>TDCPP</t>
    </r>
    <r>
      <rPr>
        <sz val="11"/>
        <rFont val="ＭＳ Ｐゴシック"/>
        <family val="2"/>
        <charset val="128"/>
      </rPr>
      <t>）／</t>
    </r>
    <phoneticPr fontId="5"/>
  </si>
  <si>
    <r>
      <rPr>
        <sz val="11"/>
        <rFont val="ＭＳ Ｐゴシック"/>
        <family val="2"/>
        <charset val="128"/>
      </rPr>
      <t>意図的に添加せず、かつ</t>
    </r>
    <r>
      <rPr>
        <sz val="11"/>
        <rFont val="Arial"/>
        <family val="2"/>
      </rPr>
      <t>1000ppm</t>
    </r>
    <r>
      <rPr>
        <sz val="11"/>
        <rFont val="ＭＳ Ｐゴシック"/>
        <family val="2"/>
        <charset val="128"/>
      </rPr>
      <t>以下の含有である／</t>
    </r>
    <phoneticPr fontId="5"/>
  </si>
  <si>
    <t>Tris(1,3-dichloro-2-propyl) phosphate (TDCPP)</t>
    <phoneticPr fontId="5"/>
  </si>
  <si>
    <r>
      <rPr>
        <sz val="11"/>
        <rFont val="ＭＳ Ｐゴシック"/>
        <family val="2"/>
        <charset val="128"/>
      </rPr>
      <t>多環芳香族炭化水素（</t>
    </r>
    <r>
      <rPr>
        <sz val="11"/>
        <rFont val="Arial"/>
        <family val="2"/>
      </rPr>
      <t>PAH</t>
    </r>
    <r>
      <rPr>
        <sz val="11"/>
        <rFont val="ＭＳ Ｐゴシック"/>
        <family val="2"/>
        <charset val="128"/>
      </rPr>
      <t>）／</t>
    </r>
    <phoneticPr fontId="5"/>
  </si>
  <si>
    <r>
      <rPr>
        <sz val="11"/>
        <rFont val="ＭＳ Ｐゴシック"/>
        <family val="2"/>
        <charset val="128"/>
      </rPr>
      <t>対象</t>
    </r>
    <r>
      <rPr>
        <sz val="11"/>
        <rFont val="Arial"/>
        <family val="2"/>
      </rPr>
      <t>PAH</t>
    </r>
    <r>
      <rPr>
        <sz val="9"/>
        <rFont val="Arial"/>
        <family val="2"/>
      </rPr>
      <t xml:space="preserve"> *4)</t>
    </r>
    <r>
      <rPr>
        <sz val="11"/>
        <rFont val="Arial"/>
        <family val="2"/>
      </rPr>
      <t xml:space="preserve"> </t>
    </r>
    <r>
      <rPr>
        <sz val="11"/>
        <rFont val="ＭＳ Ｐゴシック"/>
        <family val="2"/>
        <charset val="128"/>
      </rPr>
      <t>それぞれが</t>
    </r>
    <r>
      <rPr>
        <sz val="11"/>
        <rFont val="Arial"/>
        <family val="2"/>
      </rPr>
      <t xml:space="preserve"> 1ppm</t>
    </r>
    <r>
      <rPr>
        <sz val="11"/>
        <rFont val="ＭＳ Ｐゴシック"/>
        <family val="2"/>
        <charset val="128"/>
      </rPr>
      <t>未満の含有である／</t>
    </r>
    <phoneticPr fontId="5"/>
  </si>
  <si>
    <r>
      <rPr>
        <sz val="11"/>
        <rFont val="ＭＳ Ｐゴシック"/>
        <family val="2"/>
        <charset val="128"/>
      </rPr>
      <t>赤リン</t>
    </r>
    <rPh sb="0" eb="1">
      <t>セキ</t>
    </rPh>
    <phoneticPr fontId="5"/>
  </si>
  <si>
    <t>When the result shows "Not Applicable", we complete the B2-Appendix where the use of each substance is detailed and attach it.</t>
    <phoneticPr fontId="5"/>
  </si>
  <si>
    <r>
      <rPr>
        <sz val="11"/>
        <rFont val="ＭＳ Ｐゴシック"/>
        <family val="3"/>
        <charset val="128"/>
      </rPr>
      <t>ニッケル及びその化合物／</t>
    </r>
    <r>
      <rPr>
        <sz val="9"/>
        <rFont val="Arial"/>
        <family val="2"/>
      </rPr>
      <t>Nickel and its compound</t>
    </r>
    <phoneticPr fontId="5"/>
  </si>
  <si>
    <r>
      <rPr>
        <sz val="11"/>
        <rFont val="ＭＳ Ｐゴシック"/>
        <family val="3"/>
        <charset val="128"/>
      </rPr>
      <t>（記入必須）代替困難理由・使用箇所／</t>
    </r>
    <r>
      <rPr>
        <sz val="9"/>
        <rFont val="Arial"/>
        <family val="2"/>
      </rPr>
      <t>(Required fields)  Reason for "difficult to substitute" and Point of use</t>
    </r>
    <phoneticPr fontId="5"/>
  </si>
  <si>
    <r>
      <rPr>
        <sz val="11"/>
        <rFont val="ＭＳ Ｐゴシック"/>
        <family val="3"/>
        <charset val="128"/>
      </rPr>
      <t>リン酸トリス（</t>
    </r>
    <r>
      <rPr>
        <sz val="11"/>
        <rFont val="Arial"/>
        <family val="2"/>
      </rPr>
      <t>2-</t>
    </r>
    <r>
      <rPr>
        <sz val="11"/>
        <rFont val="ＭＳ Ｐゴシック"/>
        <family val="3"/>
        <charset val="128"/>
      </rPr>
      <t>クロロエチル）（</t>
    </r>
    <r>
      <rPr>
        <sz val="11"/>
        <rFont val="Arial"/>
        <family val="2"/>
      </rPr>
      <t>TCEP</t>
    </r>
    <r>
      <rPr>
        <sz val="11"/>
        <rFont val="ＭＳ Ｐゴシック"/>
        <family val="3"/>
        <charset val="128"/>
      </rPr>
      <t>）／</t>
    </r>
    <r>
      <rPr>
        <sz val="9"/>
        <rFont val="Arial"/>
        <family val="2"/>
      </rPr>
      <t>Tris (2-chloroethyl) phosphate (TCEP)</t>
    </r>
    <phoneticPr fontId="5"/>
  </si>
  <si>
    <r>
      <rPr>
        <sz val="11"/>
        <rFont val="ＭＳ Ｐゴシック"/>
        <family val="3"/>
        <charset val="128"/>
      </rPr>
      <t>「子供（</t>
    </r>
    <r>
      <rPr>
        <sz val="11"/>
        <rFont val="Arial"/>
        <family val="2"/>
      </rPr>
      <t>12</t>
    </r>
    <r>
      <rPr>
        <sz val="11"/>
        <rFont val="ＭＳ Ｐゴシック"/>
        <family val="3"/>
        <charset val="128"/>
      </rPr>
      <t>歳以下）向け製品」および「繊維等で覆われた家庭用家具」に使用されている／</t>
    </r>
    <phoneticPr fontId="5"/>
  </si>
  <si>
    <r>
      <rPr>
        <sz val="11"/>
        <rFont val="ＭＳ Ｐゴシック"/>
        <family val="3"/>
        <charset val="128"/>
      </rPr>
      <t xml:space="preserve">使用可／
</t>
    </r>
    <r>
      <rPr>
        <sz val="9"/>
        <rFont val="Arial"/>
        <family val="2"/>
      </rPr>
      <t>Usable</t>
    </r>
    <phoneticPr fontId="5"/>
  </si>
  <si>
    <r>
      <rPr>
        <sz val="11"/>
        <rFont val="ＭＳ Ｐゴシック"/>
        <family val="3"/>
        <charset val="128"/>
      </rPr>
      <t>上記（</t>
    </r>
    <r>
      <rPr>
        <sz val="11"/>
        <rFont val="Arial"/>
        <family val="2"/>
      </rPr>
      <t>1</t>
    </r>
    <r>
      <rPr>
        <sz val="11"/>
        <rFont val="ＭＳ Ｐゴシック"/>
        <family val="3"/>
        <charset val="128"/>
      </rPr>
      <t>）以外のものに使用されている／</t>
    </r>
    <r>
      <rPr>
        <sz val="9"/>
        <rFont val="Arial"/>
        <family val="2"/>
      </rPr>
      <t>Used in the other than the above (1).</t>
    </r>
    <phoneticPr fontId="5"/>
  </si>
  <si>
    <r>
      <rPr>
        <sz val="11"/>
        <rFont val="ＭＳ Ｐゴシック"/>
        <family val="3"/>
        <charset val="128"/>
      </rPr>
      <t>リン酸トリス（</t>
    </r>
    <r>
      <rPr>
        <sz val="11"/>
        <rFont val="Arial"/>
        <family val="2"/>
      </rPr>
      <t>1-</t>
    </r>
    <r>
      <rPr>
        <sz val="11"/>
        <rFont val="ＭＳ Ｐゴシック"/>
        <family val="3"/>
        <charset val="128"/>
      </rPr>
      <t>メチル</t>
    </r>
    <r>
      <rPr>
        <sz val="11"/>
        <rFont val="Arial"/>
        <family val="2"/>
      </rPr>
      <t>-2-</t>
    </r>
    <r>
      <rPr>
        <sz val="11"/>
        <rFont val="ＭＳ Ｐゴシック"/>
        <family val="3"/>
        <charset val="128"/>
      </rPr>
      <t>クロロエチル）（</t>
    </r>
    <r>
      <rPr>
        <sz val="11"/>
        <rFont val="Arial"/>
        <family val="2"/>
      </rPr>
      <t>TCPP</t>
    </r>
    <r>
      <rPr>
        <sz val="11"/>
        <rFont val="ＭＳ Ｐゴシック"/>
        <family val="3"/>
        <charset val="128"/>
      </rPr>
      <t>）／</t>
    </r>
    <r>
      <rPr>
        <sz val="9"/>
        <rFont val="Arial"/>
        <family val="2"/>
      </rPr>
      <t>Tris(2-chloro-1-methylethyl) phosphate (TCPP)</t>
    </r>
    <phoneticPr fontId="5"/>
  </si>
  <si>
    <r>
      <rPr>
        <sz val="11"/>
        <rFont val="ＭＳ Ｐゴシック"/>
        <family val="3"/>
        <charset val="128"/>
      </rPr>
      <t>リン酸トリス（</t>
    </r>
    <r>
      <rPr>
        <sz val="11"/>
        <rFont val="Arial"/>
        <family val="2"/>
      </rPr>
      <t>1,3-</t>
    </r>
    <r>
      <rPr>
        <sz val="11"/>
        <rFont val="ＭＳ Ｐゴシック"/>
        <family val="3"/>
        <charset val="128"/>
      </rPr>
      <t>ジクロロ</t>
    </r>
    <r>
      <rPr>
        <sz val="11"/>
        <rFont val="Arial"/>
        <family val="2"/>
      </rPr>
      <t>-2-</t>
    </r>
    <r>
      <rPr>
        <sz val="11"/>
        <rFont val="ＭＳ Ｐゴシック"/>
        <family val="3"/>
        <charset val="128"/>
      </rPr>
      <t>プロピル）（</t>
    </r>
    <r>
      <rPr>
        <sz val="11"/>
        <rFont val="Arial"/>
        <family val="2"/>
      </rPr>
      <t>TDCPP</t>
    </r>
    <r>
      <rPr>
        <sz val="11"/>
        <rFont val="ＭＳ Ｐゴシック"/>
        <family val="3"/>
        <charset val="128"/>
      </rPr>
      <t>）／</t>
    </r>
    <r>
      <rPr>
        <sz val="9"/>
        <rFont val="Arial"/>
        <family val="2"/>
      </rPr>
      <t>Tris(1,3-dichloro-2-propyl) phosphate (TDCPP)</t>
    </r>
    <phoneticPr fontId="5"/>
  </si>
  <si>
    <r>
      <t>赤リン／</t>
    </r>
    <r>
      <rPr>
        <sz val="9"/>
        <rFont val="ＭＳ Ｐゴシック"/>
        <family val="3"/>
        <charset val="128"/>
      </rPr>
      <t>Red phosphorus</t>
    </r>
    <rPh sb="0" eb="1">
      <t>アカ</t>
    </rPh>
    <phoneticPr fontId="5"/>
  </si>
  <si>
    <r>
      <rPr>
        <sz val="11"/>
        <rFont val="ＭＳ Ｐゴシック"/>
        <family val="3"/>
        <charset val="128"/>
      </rPr>
      <t>樹脂またはゴム中に使用されている／</t>
    </r>
    <r>
      <rPr>
        <sz val="9"/>
        <rFont val="Arial"/>
        <family val="2"/>
      </rPr>
      <t>Used in plastic  or rubber.</t>
    </r>
    <rPh sb="0" eb="2">
      <t>ジュシ</t>
    </rPh>
    <rPh sb="7" eb="8">
      <t>チュウ</t>
    </rPh>
    <rPh sb="9" eb="11">
      <t>シヨウ</t>
    </rPh>
    <phoneticPr fontId="5"/>
  </si>
  <si>
    <r>
      <rPr>
        <sz val="11"/>
        <rFont val="ＭＳ Ｐゴシック"/>
        <family val="3"/>
        <charset val="128"/>
      </rPr>
      <t>使用可／</t>
    </r>
  </si>
  <si>
    <r>
      <rPr>
        <sz val="11"/>
        <rFont val="ＭＳ Ｐゴシック"/>
        <family val="3"/>
        <charset val="128"/>
      </rPr>
      <t>上記（</t>
    </r>
    <r>
      <rPr>
        <sz val="11"/>
        <rFont val="Arial"/>
        <family val="2"/>
      </rPr>
      <t>1</t>
    </r>
    <r>
      <rPr>
        <sz val="11"/>
        <rFont val="ＭＳ Ｐゴシック"/>
        <family val="3"/>
        <charset val="128"/>
      </rPr>
      <t>）に該当するが、代替困難であり、シャープの採用決定部門に許可を得ている／</t>
    </r>
    <rPh sb="6" eb="8">
      <t>ガイトウ</t>
    </rPh>
    <phoneticPr fontId="5"/>
  </si>
  <si>
    <r>
      <rPr>
        <sz val="11"/>
        <rFont val="ＭＳ Ｐゴシック"/>
        <family val="3"/>
        <charset val="128"/>
      </rPr>
      <t>（記入必須）代替困難理由・使用箇所／</t>
    </r>
    <r>
      <rPr>
        <sz val="9"/>
        <rFont val="Arial"/>
        <family val="2"/>
      </rPr>
      <t>(Required fields) Reason for "difficult to substitute" and Point of use</t>
    </r>
    <rPh sb="1" eb="3">
      <t>キニュウ</t>
    </rPh>
    <rPh sb="3" eb="5">
      <t>ヒッスウ</t>
    </rPh>
    <phoneticPr fontId="5"/>
  </si>
  <si>
    <r>
      <rPr>
        <sz val="10"/>
        <rFont val="MS UI Gothic"/>
        <family val="3"/>
        <charset val="128"/>
      </rPr>
      <t>ヘキサブロモシクロドデカン（</t>
    </r>
    <r>
      <rPr>
        <sz val="10"/>
        <rFont val="Arial"/>
        <family val="2"/>
      </rPr>
      <t>HBCDD</t>
    </r>
    <r>
      <rPr>
        <sz val="10"/>
        <rFont val="MS UI Gothic"/>
        <family val="3"/>
        <charset val="128"/>
      </rPr>
      <t>）</t>
    </r>
  </si>
  <si>
    <r>
      <rPr>
        <sz val="10"/>
        <rFont val="MS UI Gothic"/>
        <family val="3"/>
        <charset val="128"/>
      </rPr>
      <t>塩化コバルト</t>
    </r>
  </si>
  <si>
    <r>
      <rPr>
        <sz val="10"/>
        <rFont val="MS UI Gothic"/>
        <family val="3"/>
        <charset val="128"/>
      </rPr>
      <t>ジメチルフマレート</t>
    </r>
  </si>
  <si>
    <r>
      <rPr>
        <sz val="10"/>
        <rFont val="MS UI Gothic"/>
        <family val="3"/>
        <charset val="128"/>
      </rPr>
      <t>アルミノ珪酸塩、耐火セラミック繊維</t>
    </r>
  </si>
  <si>
    <r>
      <rPr>
        <sz val="10"/>
        <rFont val="MS UI Gothic"/>
        <family val="3"/>
        <charset val="128"/>
      </rPr>
      <t>ジルコニアアルミノ珪酸塩、耐火セラミック繊維</t>
    </r>
  </si>
  <si>
    <r>
      <rPr>
        <sz val="10"/>
        <rFont val="MS UI Gothic"/>
        <family val="3"/>
        <charset val="128"/>
      </rPr>
      <t>ジブチルスズ化合物（</t>
    </r>
    <r>
      <rPr>
        <sz val="10"/>
        <rFont val="Arial"/>
        <family val="2"/>
      </rPr>
      <t>DBT</t>
    </r>
    <r>
      <rPr>
        <sz val="10"/>
        <rFont val="MS UI Gothic"/>
        <family val="3"/>
        <charset val="128"/>
      </rPr>
      <t>）</t>
    </r>
  </si>
  <si>
    <r>
      <t xml:space="preserve">B2. </t>
    </r>
    <r>
      <rPr>
        <sz val="10"/>
        <rFont val="MS UI Gothic"/>
        <family val="3"/>
        <charset val="128"/>
      </rPr>
      <t>その他</t>
    </r>
    <r>
      <rPr>
        <sz val="10"/>
        <rFont val="Arial"/>
        <family val="2"/>
      </rPr>
      <t xml:space="preserve"> </t>
    </r>
    <r>
      <rPr>
        <sz val="10"/>
        <rFont val="MS UI Gothic"/>
        <family val="3"/>
        <charset val="128"/>
      </rPr>
      <t>条件付禁止</t>
    </r>
  </si>
  <si>
    <r>
      <rPr>
        <sz val="10"/>
        <rFont val="MS UI Gothic"/>
        <family val="3"/>
        <charset val="128"/>
      </rPr>
      <t>ベリリウム及びその化合物</t>
    </r>
  </si>
  <si>
    <r>
      <rPr>
        <sz val="10"/>
        <rFont val="MS UI Gothic"/>
        <family val="3"/>
        <charset val="128"/>
      </rPr>
      <t>アゾ染料・顔料</t>
    </r>
  </si>
  <si>
    <r>
      <rPr>
        <sz val="10"/>
        <rFont val="MS UI Gothic"/>
        <family val="3"/>
        <charset val="128"/>
      </rPr>
      <t>ポリ塩化ビニル及びそのコポリマー</t>
    </r>
  </si>
  <si>
    <r>
      <rPr>
        <sz val="10"/>
        <rFont val="MS UI Gothic"/>
        <family val="3"/>
        <charset val="128"/>
      </rPr>
      <t>放射性物質</t>
    </r>
  </si>
  <si>
    <r>
      <rPr>
        <sz val="10"/>
        <rFont val="MS UI Gothic"/>
        <family val="3"/>
        <charset val="128"/>
      </rPr>
      <t>パーフルオロオクタンスルホン酸塩（</t>
    </r>
    <r>
      <rPr>
        <sz val="10"/>
        <rFont val="Arial"/>
        <family val="2"/>
      </rPr>
      <t>PFOS</t>
    </r>
    <r>
      <rPr>
        <sz val="10"/>
        <rFont val="MS UI Gothic"/>
        <family val="3"/>
        <charset val="128"/>
      </rPr>
      <t>）</t>
    </r>
  </si>
  <si>
    <r>
      <rPr>
        <sz val="10"/>
        <rFont val="MS UI Gothic"/>
        <family val="3"/>
        <charset val="128"/>
      </rPr>
      <t>フッ素系温室効果ガス（</t>
    </r>
    <r>
      <rPr>
        <sz val="10"/>
        <rFont val="Arial"/>
        <family val="2"/>
      </rPr>
      <t>HFC/PFC/SF6</t>
    </r>
    <r>
      <rPr>
        <sz val="10"/>
        <rFont val="MS UI Gothic"/>
        <family val="3"/>
        <charset val="128"/>
      </rPr>
      <t>）</t>
    </r>
  </si>
  <si>
    <r>
      <rPr>
        <sz val="10"/>
        <rFont val="MS UI Gothic"/>
        <family val="3"/>
        <charset val="128"/>
      </rPr>
      <t>ホルムアルデヒド</t>
    </r>
  </si>
  <si>
    <r>
      <rPr>
        <sz val="10"/>
        <rFont val="MS UI Gothic"/>
        <family val="3"/>
        <charset val="128"/>
      </rPr>
      <t>過塩素酸塩</t>
    </r>
  </si>
  <si>
    <r>
      <rPr>
        <sz val="10"/>
        <rFont val="MS UI Gothic"/>
        <family val="3"/>
        <charset val="128"/>
      </rPr>
      <t>ニッケル</t>
    </r>
  </si>
  <si>
    <r>
      <rPr>
        <sz val="10"/>
        <rFont val="MS UI Gothic"/>
        <family val="3"/>
        <charset val="128"/>
      </rPr>
      <t>ヒ素及びその化合物</t>
    </r>
  </si>
  <si>
    <r>
      <rPr>
        <sz val="10"/>
        <rFont val="MS UI Gothic"/>
        <family val="3"/>
        <charset val="128"/>
      </rPr>
      <t>ホウ酸</t>
    </r>
    <phoneticPr fontId="5"/>
  </si>
  <si>
    <r>
      <rPr>
        <sz val="10"/>
        <rFont val="MS UI Gothic"/>
        <family val="3"/>
        <charset val="128"/>
      </rPr>
      <t>四ホウ酸二ナトリウム無水物、四ホウ酸二ナトリウム水和物</t>
    </r>
  </si>
  <si>
    <r>
      <rPr>
        <sz val="10"/>
        <rFont val="MS UI Gothic"/>
        <family val="3"/>
        <charset val="128"/>
      </rPr>
      <t>ジオクチルスズ化合物</t>
    </r>
    <r>
      <rPr>
        <sz val="10"/>
        <rFont val="Arial"/>
        <family val="2"/>
      </rPr>
      <t xml:space="preserve"> </t>
    </r>
    <r>
      <rPr>
        <sz val="10"/>
        <rFont val="MS UI Gothic"/>
        <family val="3"/>
        <charset val="128"/>
      </rPr>
      <t>（</t>
    </r>
    <r>
      <rPr>
        <sz val="10"/>
        <rFont val="Arial"/>
        <family val="2"/>
      </rPr>
      <t>DOT</t>
    </r>
    <r>
      <rPr>
        <sz val="10"/>
        <rFont val="MS UI Gothic"/>
        <family val="3"/>
        <charset val="128"/>
      </rPr>
      <t>）</t>
    </r>
  </si>
  <si>
    <r>
      <rPr>
        <sz val="10"/>
        <rFont val="MS UI Gothic"/>
        <family val="3"/>
        <charset val="128"/>
      </rPr>
      <t>パーフルオロオクタン酸（</t>
    </r>
    <r>
      <rPr>
        <sz val="10"/>
        <rFont val="Arial"/>
        <family val="2"/>
      </rPr>
      <t>PFOA</t>
    </r>
    <r>
      <rPr>
        <sz val="10"/>
        <rFont val="MS UI Gothic"/>
        <family val="3"/>
        <charset val="128"/>
      </rPr>
      <t>）とその塩およびそのエステル</t>
    </r>
  </si>
  <si>
    <r>
      <rPr>
        <sz val="10"/>
        <rFont val="MS UI Gothic"/>
        <family val="3"/>
        <charset val="128"/>
      </rPr>
      <t>塩素系難燃剤</t>
    </r>
  </si>
  <si>
    <r>
      <rPr>
        <sz val="10"/>
        <rFont val="MS UI Gothic"/>
        <family val="3"/>
        <charset val="128"/>
      </rPr>
      <t>リン酸トリス（</t>
    </r>
    <r>
      <rPr>
        <sz val="10"/>
        <rFont val="Arial"/>
        <family val="2"/>
      </rPr>
      <t>2-</t>
    </r>
    <r>
      <rPr>
        <sz val="10"/>
        <rFont val="MS UI Gothic"/>
        <family val="3"/>
        <charset val="128"/>
      </rPr>
      <t>クロロエチル）</t>
    </r>
    <r>
      <rPr>
        <sz val="10"/>
        <rFont val="Arial"/>
        <family val="2"/>
      </rPr>
      <t>(TCEP)</t>
    </r>
    <phoneticPr fontId="5"/>
  </si>
  <si>
    <r>
      <rPr>
        <sz val="10"/>
        <rFont val="MS UI Gothic"/>
        <family val="3"/>
        <charset val="128"/>
      </rPr>
      <t>リン酸トリス（</t>
    </r>
    <r>
      <rPr>
        <sz val="10"/>
        <rFont val="Arial"/>
        <family val="2"/>
      </rPr>
      <t>1-</t>
    </r>
    <r>
      <rPr>
        <sz val="10"/>
        <rFont val="MS UI Gothic"/>
        <family val="3"/>
        <charset val="128"/>
      </rPr>
      <t>メチル</t>
    </r>
    <r>
      <rPr>
        <sz val="10"/>
        <rFont val="Arial"/>
        <family val="2"/>
      </rPr>
      <t>-2-</t>
    </r>
    <r>
      <rPr>
        <sz val="10"/>
        <rFont val="MS UI Gothic"/>
        <family val="3"/>
        <charset val="128"/>
      </rPr>
      <t>クロロエチル）</t>
    </r>
    <r>
      <rPr>
        <sz val="10"/>
        <rFont val="Arial"/>
        <family val="2"/>
      </rPr>
      <t>(TCPP)</t>
    </r>
    <phoneticPr fontId="5"/>
  </si>
  <si>
    <r>
      <rPr>
        <sz val="10"/>
        <rFont val="MS UI Gothic"/>
        <family val="3"/>
        <charset val="128"/>
      </rPr>
      <t>リン酸トリス（</t>
    </r>
    <r>
      <rPr>
        <sz val="10"/>
        <rFont val="Arial"/>
        <family val="2"/>
      </rPr>
      <t>1,3-</t>
    </r>
    <r>
      <rPr>
        <sz val="10"/>
        <rFont val="MS UI Gothic"/>
        <family val="3"/>
        <charset val="128"/>
      </rPr>
      <t>ジクロロ</t>
    </r>
    <r>
      <rPr>
        <sz val="10"/>
        <rFont val="Arial"/>
        <family val="2"/>
      </rPr>
      <t>-2-</t>
    </r>
    <r>
      <rPr>
        <sz val="10"/>
        <rFont val="MS UI Gothic"/>
        <family val="3"/>
        <charset val="128"/>
      </rPr>
      <t>プロピル）</t>
    </r>
    <r>
      <rPr>
        <sz val="10"/>
        <rFont val="Arial"/>
        <family val="2"/>
      </rPr>
      <t>(TDCPP)</t>
    </r>
    <phoneticPr fontId="5"/>
  </si>
  <si>
    <r>
      <rPr>
        <sz val="10"/>
        <rFont val="MS UI Gothic"/>
        <family val="3"/>
        <charset val="128"/>
      </rPr>
      <t>多環芳香族炭化水素（</t>
    </r>
    <r>
      <rPr>
        <sz val="10"/>
        <rFont val="Arial"/>
        <family val="2"/>
      </rPr>
      <t>PAH</t>
    </r>
    <r>
      <rPr>
        <sz val="10"/>
        <rFont val="MS UI Gothic"/>
        <family val="3"/>
        <charset val="128"/>
      </rPr>
      <t>）</t>
    </r>
    <phoneticPr fontId="5"/>
  </si>
  <si>
    <r>
      <rPr>
        <sz val="10"/>
        <rFont val="MS UI Gothic"/>
        <family val="3"/>
        <charset val="128"/>
      </rPr>
      <t>←</t>
    </r>
  </si>
  <si>
    <r>
      <rPr>
        <sz val="10"/>
        <rFont val="MS UI Gothic"/>
        <family val="3"/>
        <charset val="128"/>
      </rPr>
      <t>スチレンおよびジイソブチレンとジフェニルアミンの反応物（</t>
    </r>
    <r>
      <rPr>
        <sz val="10"/>
        <rFont val="Arial"/>
        <family val="2"/>
      </rPr>
      <t>BNST</t>
    </r>
    <r>
      <rPr>
        <sz val="10"/>
        <rFont val="MS UI Gothic"/>
        <family val="3"/>
        <charset val="128"/>
      </rPr>
      <t>）</t>
    </r>
    <phoneticPr fontId="5"/>
  </si>
  <si>
    <r>
      <rPr>
        <sz val="10"/>
        <rFont val="ＭＳ Ｐゴシック"/>
        <family val="3"/>
        <charset val="128"/>
      </rPr>
      <t>化審法、</t>
    </r>
    <r>
      <rPr>
        <sz val="10"/>
        <rFont val="Arial"/>
        <family val="2"/>
      </rPr>
      <t>EU POPs</t>
    </r>
    <r>
      <rPr>
        <sz val="10"/>
        <rFont val="ＭＳ Ｐゴシック"/>
        <family val="3"/>
        <charset val="128"/>
      </rPr>
      <t>規則</t>
    </r>
    <rPh sb="0" eb="3">
      <t>カシンホウ</t>
    </rPh>
    <rPh sb="11" eb="13">
      <t>キソク</t>
    </rPh>
    <phoneticPr fontId="5"/>
  </si>
  <si>
    <r>
      <t>RoHS</t>
    </r>
    <r>
      <rPr>
        <sz val="10"/>
        <rFont val="ＭＳ Ｐゴシック"/>
        <family val="3"/>
        <charset val="128"/>
      </rPr>
      <t>関連のフタル酸エステル</t>
    </r>
    <r>
      <rPr>
        <sz val="10"/>
        <rFont val="Arial"/>
        <family val="2"/>
      </rPr>
      <t>4</t>
    </r>
    <r>
      <rPr>
        <sz val="10"/>
        <rFont val="ＭＳ Ｐゴシック"/>
        <family val="3"/>
        <charset val="128"/>
      </rPr>
      <t>物質以外のフタル酸エステル類</t>
    </r>
    <phoneticPr fontId="5"/>
  </si>
  <si>
    <r>
      <rPr>
        <sz val="10"/>
        <rFont val="ＭＳ Ｐゴシック"/>
        <family val="3"/>
        <charset val="128"/>
      </rPr>
      <t>ニッケル及びその化合物</t>
    </r>
    <phoneticPr fontId="5"/>
  </si>
  <si>
    <r>
      <rPr>
        <sz val="10"/>
        <rFont val="ＭＳ Ｐゴシック"/>
        <family val="3"/>
        <charset val="128"/>
      </rPr>
      <t>ホウ酸</t>
    </r>
    <phoneticPr fontId="5"/>
  </si>
  <si>
    <r>
      <rPr>
        <sz val="10"/>
        <rFont val="ＭＳ Ｐゴシック"/>
        <family val="3"/>
        <charset val="128"/>
      </rPr>
      <t>＜シャープ独自規制＞</t>
    </r>
    <rPh sb="5" eb="7">
      <t>ドクジ</t>
    </rPh>
    <rPh sb="7" eb="9">
      <t>キセイ</t>
    </rPh>
    <phoneticPr fontId="5"/>
  </si>
  <si>
    <r>
      <rPr>
        <sz val="10"/>
        <rFont val="ＭＳ Ｐゴシック"/>
        <family val="3"/>
        <charset val="128"/>
      </rPr>
      <t>リン酸トリス（</t>
    </r>
    <r>
      <rPr>
        <sz val="10"/>
        <rFont val="Arial"/>
        <family val="2"/>
      </rPr>
      <t>1-</t>
    </r>
    <r>
      <rPr>
        <sz val="10"/>
        <rFont val="ＭＳ Ｐゴシック"/>
        <family val="3"/>
        <charset val="128"/>
      </rPr>
      <t>メチル</t>
    </r>
    <r>
      <rPr>
        <sz val="10"/>
        <rFont val="Arial"/>
        <family val="2"/>
      </rPr>
      <t>-2-</t>
    </r>
    <r>
      <rPr>
        <sz val="10"/>
        <rFont val="ＭＳ Ｐゴシック"/>
        <family val="3"/>
        <charset val="128"/>
      </rPr>
      <t>クロロエチル）（</t>
    </r>
    <r>
      <rPr>
        <sz val="10"/>
        <rFont val="Arial"/>
        <family val="2"/>
      </rPr>
      <t>TCPP</t>
    </r>
    <r>
      <rPr>
        <sz val="10"/>
        <rFont val="ＭＳ Ｐゴシック"/>
        <family val="3"/>
        <charset val="128"/>
      </rPr>
      <t>）</t>
    </r>
    <phoneticPr fontId="5"/>
  </si>
  <si>
    <r>
      <rPr>
        <sz val="10"/>
        <rFont val="ＭＳ Ｐゴシック"/>
        <family val="3"/>
        <charset val="128"/>
      </rPr>
      <t>リン酸トリス（</t>
    </r>
    <r>
      <rPr>
        <sz val="10"/>
        <rFont val="Arial"/>
        <family val="2"/>
      </rPr>
      <t>1,3-</t>
    </r>
    <r>
      <rPr>
        <sz val="10"/>
        <rFont val="ＭＳ Ｐゴシック"/>
        <family val="3"/>
        <charset val="128"/>
      </rPr>
      <t>ジクロロ</t>
    </r>
    <r>
      <rPr>
        <sz val="10"/>
        <rFont val="Arial"/>
        <family val="2"/>
      </rPr>
      <t>-2-</t>
    </r>
    <r>
      <rPr>
        <sz val="10"/>
        <rFont val="ＭＳ Ｐゴシック"/>
        <family val="3"/>
        <charset val="128"/>
      </rPr>
      <t>プロピル）（</t>
    </r>
    <r>
      <rPr>
        <sz val="10"/>
        <rFont val="Arial"/>
        <family val="2"/>
      </rPr>
      <t>TDCPP</t>
    </r>
    <r>
      <rPr>
        <sz val="10"/>
        <rFont val="ＭＳ Ｐゴシック"/>
        <family val="3"/>
        <charset val="128"/>
      </rPr>
      <t>）</t>
    </r>
    <phoneticPr fontId="5"/>
  </si>
  <si>
    <r>
      <rPr>
        <sz val="10"/>
        <rFont val="ＭＳ Ｐゴシック"/>
        <family val="3"/>
        <charset val="128"/>
      </rPr>
      <t>多環芳香族炭化水素（</t>
    </r>
    <r>
      <rPr>
        <sz val="10"/>
        <rFont val="Arial"/>
        <family val="2"/>
      </rPr>
      <t>PAH</t>
    </r>
    <r>
      <rPr>
        <sz val="10"/>
        <rFont val="ＭＳ Ｐゴシック"/>
        <family val="3"/>
        <charset val="128"/>
      </rPr>
      <t>）</t>
    </r>
    <phoneticPr fontId="5"/>
  </si>
  <si>
    <r>
      <rPr>
        <sz val="10"/>
        <rFont val="ＭＳ Ｐゴシック"/>
        <family val="3"/>
        <charset val="128"/>
      </rPr>
      <t>＜シャープ独自規制＞</t>
    </r>
    <phoneticPr fontId="5"/>
  </si>
  <si>
    <t xml:space="preserve"> </t>
    <phoneticPr fontId="5"/>
  </si>
  <si>
    <r>
      <t xml:space="preserve">使用禁止／
</t>
    </r>
    <r>
      <rPr>
        <b/>
        <sz val="9"/>
        <color theme="0"/>
        <rFont val="ＭＳ Ｐゴシック"/>
        <family val="3"/>
        <charset val="128"/>
      </rPr>
      <t>Banned</t>
    </r>
    <phoneticPr fontId="5"/>
  </si>
  <si>
    <r>
      <rPr>
        <sz val="10"/>
        <rFont val="ＭＳ Ｐゴシック"/>
        <family val="3"/>
        <charset val="128"/>
      </rPr>
      <t>※</t>
    </r>
    <r>
      <rPr>
        <sz val="10"/>
        <rFont val="Arial"/>
        <family val="2"/>
      </rPr>
      <t xml:space="preserve"> “</t>
    </r>
    <r>
      <rPr>
        <sz val="10"/>
        <rFont val="ＭＳ Ｐゴシック"/>
        <family val="3"/>
        <charset val="128"/>
      </rPr>
      <t>（</t>
    </r>
    <r>
      <rPr>
        <sz val="10"/>
        <rFont val="Arial"/>
        <family val="2"/>
      </rPr>
      <t>EU REACH</t>
    </r>
    <r>
      <rPr>
        <sz val="10"/>
        <rFont val="ＭＳ Ｐゴシック"/>
        <family val="3"/>
        <charset val="128"/>
      </rPr>
      <t>規則）</t>
    </r>
    <r>
      <rPr>
        <sz val="10"/>
        <rFont val="Arial"/>
        <family val="2"/>
      </rPr>
      <t>”</t>
    </r>
    <r>
      <rPr>
        <sz val="10"/>
        <rFont val="ＭＳ Ｐゴシック"/>
        <family val="3"/>
        <charset val="128"/>
      </rPr>
      <t>の記載は認可対象</t>
    </r>
    <r>
      <rPr>
        <sz val="10"/>
        <rFont val="Arial"/>
        <family val="2"/>
      </rPr>
      <t>SVHC</t>
    </r>
    <r>
      <rPr>
        <sz val="10"/>
        <rFont val="ＭＳ Ｐゴシック"/>
        <family val="3"/>
        <charset val="128"/>
      </rPr>
      <t>としてリストされているという意味</t>
    </r>
    <rPh sb="17" eb="19">
      <t>キサイ</t>
    </rPh>
    <rPh sb="20" eb="22">
      <t>ニンカ</t>
    </rPh>
    <rPh sb="22" eb="24">
      <t>タイショウ</t>
    </rPh>
    <rPh sb="42" eb="44">
      <t>イミ</t>
    </rPh>
    <phoneticPr fontId="5"/>
  </si>
  <si>
    <r>
      <t>2</t>
    </r>
    <r>
      <rPr>
        <sz val="10"/>
        <color theme="1"/>
        <rFont val="ＭＳ Ｐゴシック"/>
        <family val="3"/>
        <charset val="128"/>
      </rPr>
      <t>）</t>
    </r>
    <r>
      <rPr>
        <sz val="10"/>
        <color theme="1"/>
        <rFont val="Arial"/>
        <family val="2"/>
      </rPr>
      <t xml:space="preserve"> </t>
    </r>
    <r>
      <rPr>
        <sz val="10"/>
        <color theme="1"/>
        <rFont val="ＭＳ Ｐゴシック"/>
        <family val="3"/>
        <charset val="128"/>
      </rPr>
      <t>製品名</t>
    </r>
    <phoneticPr fontId="5"/>
  </si>
  <si>
    <r>
      <t>1</t>
    </r>
    <r>
      <rPr>
        <sz val="10"/>
        <color theme="1"/>
        <rFont val="ＭＳ Ｐゴシック"/>
        <family val="3"/>
        <charset val="128"/>
      </rPr>
      <t>）</t>
    </r>
    <r>
      <rPr>
        <sz val="10"/>
        <color theme="1"/>
        <rFont val="Arial"/>
        <family val="2"/>
      </rPr>
      <t xml:space="preserve"> </t>
    </r>
    <r>
      <rPr>
        <sz val="10"/>
        <color theme="1"/>
        <rFont val="ＭＳ Ｐゴシック"/>
        <family val="3"/>
        <charset val="128"/>
      </rPr>
      <t>シャープ部品コード</t>
    </r>
    <phoneticPr fontId="5"/>
  </si>
  <si>
    <r>
      <rPr>
        <sz val="10"/>
        <color theme="1"/>
        <rFont val="ＭＳ Ｐゴシック"/>
        <family val="3"/>
        <charset val="128"/>
      </rPr>
      <t>「</t>
    </r>
    <r>
      <rPr>
        <sz val="10"/>
        <color theme="1"/>
        <rFont val="Arial"/>
        <family val="2"/>
      </rPr>
      <t>A.RoHS</t>
    </r>
    <r>
      <rPr>
        <sz val="10"/>
        <color theme="1"/>
        <rFont val="ＭＳ Ｐゴシック"/>
        <family val="3"/>
        <charset val="128"/>
      </rPr>
      <t>」シートの調査確認製品欄へは、以下の内容を入力（記入）してください。</t>
    </r>
    <phoneticPr fontId="5"/>
  </si>
  <si>
    <t>A.RoHS</t>
    <phoneticPr fontId="5"/>
  </si>
  <si>
    <t>Others (appendix)
1/2 ~ 2/2</t>
    <phoneticPr fontId="5"/>
  </si>
  <si>
    <t>RoHS (appendix) 
1/1</t>
    <phoneticPr fontId="5"/>
  </si>
  <si>
    <t>2/3 ~ 3/3</t>
    <phoneticPr fontId="5"/>
  </si>
  <si>
    <t>1/3</t>
    <phoneticPr fontId="5"/>
  </si>
  <si>
    <r>
      <rPr>
        <sz val="10"/>
        <color theme="1"/>
        <rFont val="ＭＳ Ｐゴシック"/>
        <family val="3"/>
        <charset val="128"/>
      </rPr>
      <t>ページ</t>
    </r>
    <phoneticPr fontId="5"/>
  </si>
  <si>
    <r>
      <rPr>
        <b/>
        <sz val="12"/>
        <color rgb="FFFF0000"/>
        <rFont val="ＭＳ Ｐゴシック"/>
        <family val="3"/>
        <charset val="128"/>
      </rPr>
      <t>［このシートは提出不要です］</t>
    </r>
    <phoneticPr fontId="5"/>
  </si>
  <si>
    <r>
      <rPr>
        <b/>
        <sz val="10"/>
        <rFont val="ＭＳ Ｐゴシック"/>
        <family val="3"/>
        <charset val="128"/>
      </rPr>
      <t xml:space="preserve">注） </t>
    </r>
    <r>
      <rPr>
        <sz val="10"/>
        <rFont val="ＭＳ Ｐゴシック"/>
        <family val="3"/>
        <charset val="128"/>
      </rPr>
      <t>新規に採用させていただく全ての部品・材料を対象とします。部品・材料を納入いただく際の包装材も対象です。
      包装材に含有する化学物質も同様の基準で判断いただきご報告ください。
      ただし、シャープの拠点等で廃棄されることが明らかで、部品、材料に対象物質の移行・混入の恐れが無い
      包装材は対象外といたします。</t>
    </r>
    <phoneticPr fontId="5"/>
  </si>
  <si>
    <t>13(b)-(II)</t>
    <phoneticPr fontId="5"/>
  </si>
  <si>
    <t>13(b)-(III)</t>
    <phoneticPr fontId="5"/>
  </si>
  <si>
    <t>13(b)-(I)</t>
    <phoneticPr fontId="5"/>
  </si>
  <si>
    <t>9(b)-I</t>
    <phoneticPr fontId="5"/>
  </si>
  <si>
    <t>Used in striking optical filter glass types, excluding applications falling under point 39 of EU RoHS directive annex III
[Expires on 21 July 2020 *2)]</t>
    <phoneticPr fontId="5"/>
  </si>
  <si>
    <t>Used in white glass used for an optical purpose  [Expires on 21 July 2020 *2)]</t>
    <phoneticPr fontId="5"/>
  </si>
  <si>
    <t>Used in bearing shells and bushes for refrigerant- containing hermetic scroll compressors with a stated electrical power input equal or below 9kW for heating, ventilation, air conditioning and refrigeration (HVACR) applications  [Expires on 21 July 2028 *2)]</t>
    <phoneticPr fontId="5"/>
  </si>
  <si>
    <t>Used in glazes used for reflectance standards  [Expires on 21 July 2020 *2)]</t>
    <phoneticPr fontId="5"/>
  </si>
  <si>
    <t>Used in ion coloured optical filter glass types  [Expires on 21 July 2020 *2)]</t>
    <phoneticPr fontId="5"/>
  </si>
  <si>
    <r>
      <t>AC125V</t>
    </r>
    <r>
      <rPr>
        <sz val="11"/>
        <color theme="1"/>
        <rFont val="ＭＳ Ｐゴシック"/>
        <family val="3"/>
        <charset val="128"/>
      </rPr>
      <t>又は</t>
    </r>
    <r>
      <rPr>
        <sz val="11"/>
        <color theme="1"/>
        <rFont val="Arial"/>
        <family val="2"/>
      </rPr>
      <t>DC250V</t>
    </r>
    <r>
      <rPr>
        <sz val="11"/>
        <color theme="1"/>
        <rFont val="ＭＳ Ｐゴシック"/>
        <family val="3"/>
        <charset val="128"/>
      </rPr>
      <t>又はそれ以上の定格電圧のキャパシターに使用する誘電セラミック中に使用されている／</t>
    </r>
    <phoneticPr fontId="5"/>
  </si>
  <si>
    <r>
      <t>Ver.9.0</t>
    </r>
    <r>
      <rPr>
        <b/>
        <sz val="12"/>
        <color theme="1"/>
        <rFont val="MS UI Gothic"/>
        <family val="3"/>
        <charset val="128"/>
      </rPr>
      <t>からの改定ポイント</t>
    </r>
    <phoneticPr fontId="5"/>
  </si>
  <si>
    <t>Ver.9.0</t>
    <phoneticPr fontId="5"/>
  </si>
  <si>
    <t>（削除）</t>
    <rPh sb="1" eb="3">
      <t>サクジョ</t>
    </rPh>
    <phoneticPr fontId="5"/>
  </si>
  <si>
    <t>赤リン</t>
  </si>
  <si>
    <t>使用禁止物質から削除 （カナダの法令の規制対象から外れたため）</t>
    <rPh sb="0" eb="2">
      <t>シヨウ</t>
    </rPh>
    <rPh sb="2" eb="4">
      <t>キンシ</t>
    </rPh>
    <rPh sb="4" eb="6">
      <t>ブッシツ</t>
    </rPh>
    <rPh sb="8" eb="10">
      <t>サクジョ</t>
    </rPh>
    <phoneticPr fontId="5"/>
  </si>
  <si>
    <t>別表の確認内容（判定基準）を変更 （EU RoHS指令の除外用途に合わせた記載に変更）</t>
    <rPh sb="0" eb="2">
      <t>ベッピョウ</t>
    </rPh>
    <rPh sb="3" eb="5">
      <t>カクニン</t>
    </rPh>
    <rPh sb="5" eb="7">
      <t>ナイヨウ</t>
    </rPh>
    <rPh sb="8" eb="10">
      <t>ハンテイ</t>
    </rPh>
    <rPh sb="10" eb="12">
      <t>キジュン</t>
    </rPh>
    <rPh sb="14" eb="16">
      <t>ヘンコウ</t>
    </rPh>
    <rPh sb="25" eb="27">
      <t>シレイ</t>
    </rPh>
    <rPh sb="28" eb="30">
      <t>ジョガイ</t>
    </rPh>
    <rPh sb="30" eb="32">
      <t>ヨウト</t>
    </rPh>
    <phoneticPr fontId="5"/>
  </si>
  <si>
    <t>Ver.10.0</t>
    <phoneticPr fontId="5"/>
  </si>
  <si>
    <r>
      <rPr>
        <b/>
        <u/>
        <sz val="12"/>
        <rFont val="ＭＳ Ｐゴシック"/>
        <family val="3"/>
        <charset val="128"/>
      </rPr>
      <t>含有化学物質報告書（</t>
    </r>
    <r>
      <rPr>
        <b/>
        <u/>
        <sz val="12"/>
        <rFont val="Arial"/>
        <family val="2"/>
      </rPr>
      <t>ver.10.0</t>
    </r>
    <r>
      <rPr>
        <b/>
        <u/>
        <sz val="12"/>
        <rFont val="ＭＳ Ｐゴシック"/>
        <family val="3"/>
        <charset val="128"/>
      </rPr>
      <t>）</t>
    </r>
    <r>
      <rPr>
        <b/>
        <u/>
        <sz val="9"/>
        <rFont val="Arial"/>
        <family val="2"/>
      </rPr>
      <t xml:space="preserve"> </t>
    </r>
    <r>
      <rPr>
        <b/>
        <u/>
        <sz val="9"/>
        <rFont val="ＭＳ Ｐゴシック"/>
        <family val="3"/>
        <charset val="128"/>
      </rPr>
      <t>（旧名：</t>
    </r>
    <r>
      <rPr>
        <b/>
        <u/>
        <sz val="9"/>
        <rFont val="Arial"/>
        <family val="2"/>
      </rPr>
      <t xml:space="preserve"> </t>
    </r>
    <r>
      <rPr>
        <b/>
        <u/>
        <sz val="9"/>
        <rFont val="ＭＳ Ｐゴシック"/>
        <family val="3"/>
        <charset val="128"/>
      </rPr>
      <t>環境負荷物質含有状況報告書）</t>
    </r>
    <r>
      <rPr>
        <b/>
        <u/>
        <sz val="12"/>
        <rFont val="ＭＳ Ｐゴシック"/>
        <family val="3"/>
        <charset val="128"/>
      </rPr>
      <t>への入力（記入）に際しての注意点</t>
    </r>
    <phoneticPr fontId="5"/>
  </si>
  <si>
    <r>
      <rPr>
        <b/>
        <sz val="20"/>
        <rFont val="ＭＳ Ｐゴシック"/>
        <family val="3"/>
        <charset val="128"/>
      </rPr>
      <t>含有化学物質報告書（</t>
    </r>
    <r>
      <rPr>
        <b/>
        <sz val="20"/>
        <rFont val="Arial"/>
        <family val="2"/>
      </rPr>
      <t>ver.10.0</t>
    </r>
    <r>
      <rPr>
        <b/>
        <sz val="20"/>
        <rFont val="ＭＳ Ｐゴシック"/>
        <family val="3"/>
        <charset val="128"/>
      </rPr>
      <t>）</t>
    </r>
    <r>
      <rPr>
        <sz val="20"/>
        <rFont val="Arial"/>
        <family val="2"/>
      </rPr>
      <t xml:space="preserve"> </t>
    </r>
    <r>
      <rPr>
        <sz val="11"/>
        <rFont val="ＭＳ Ｐゴシック"/>
        <family val="3"/>
        <charset val="128"/>
      </rPr>
      <t>（旧名：</t>
    </r>
    <r>
      <rPr>
        <sz val="11"/>
        <rFont val="Arial"/>
        <family val="2"/>
      </rPr>
      <t xml:space="preserve"> </t>
    </r>
    <r>
      <rPr>
        <sz val="11"/>
        <rFont val="ＭＳ Ｐゴシック"/>
        <family val="3"/>
        <charset val="128"/>
      </rPr>
      <t>環境負荷物質含有状況報告書）</t>
    </r>
    <r>
      <rPr>
        <b/>
        <sz val="20"/>
        <rFont val="ＭＳ Ｐゴシック"/>
        <family val="3"/>
        <charset val="128"/>
      </rPr>
      <t>／</t>
    </r>
    <rPh sb="21" eb="23">
      <t>キュウメイ</t>
    </rPh>
    <rPh sb="25" eb="27">
      <t>カンキョウ</t>
    </rPh>
    <rPh sb="27" eb="29">
      <t>フカ</t>
    </rPh>
    <rPh sb="29" eb="31">
      <t>ブッシツ</t>
    </rPh>
    <rPh sb="31" eb="33">
      <t>ガンユウ</t>
    </rPh>
    <rPh sb="33" eb="35">
      <t>ジョウキョウ</t>
    </rPh>
    <rPh sb="35" eb="38">
      <t>ホウコクショ</t>
    </rPh>
    <phoneticPr fontId="5"/>
  </si>
  <si>
    <t xml:space="preserve">Report on Chemical Substances Contained in the Product (ver.10.0) </t>
    <phoneticPr fontId="5"/>
  </si>
  <si>
    <r>
      <rPr>
        <sz val="11"/>
        <rFont val="ＭＳ Ｐゴシック"/>
        <family val="3"/>
        <charset val="128"/>
      </rPr>
      <t>下記（</t>
    </r>
    <r>
      <rPr>
        <sz val="11"/>
        <rFont val="Arial"/>
        <family val="2"/>
      </rPr>
      <t>2</t>
    </r>
    <r>
      <rPr>
        <sz val="11"/>
        <rFont val="ＭＳ Ｐゴシック"/>
        <family val="3"/>
        <charset val="128"/>
      </rPr>
      <t>）～（</t>
    </r>
    <r>
      <rPr>
        <sz val="11"/>
        <rFont val="Arial"/>
        <family val="2"/>
      </rPr>
      <t>5</t>
    </r>
    <r>
      <rPr>
        <sz val="11"/>
        <rFont val="ＭＳ Ｐゴシック"/>
        <family val="3"/>
        <charset val="128"/>
      </rPr>
      <t>）以外のものに使用されている／</t>
    </r>
    <phoneticPr fontId="5"/>
  </si>
  <si>
    <r>
      <rPr>
        <sz val="11"/>
        <rFont val="ＭＳ Ｐゴシック"/>
        <family val="3"/>
        <charset val="128"/>
      </rPr>
      <t>電気接点に使用されている／</t>
    </r>
    <r>
      <rPr>
        <sz val="9"/>
        <rFont val="Arial"/>
        <family val="2"/>
      </rPr>
      <t>Used for electrical contacts.</t>
    </r>
    <phoneticPr fontId="5"/>
  </si>
  <si>
    <r>
      <rPr>
        <sz val="11"/>
        <rFont val="ＭＳ Ｐゴシック"/>
        <family val="3"/>
        <charset val="128"/>
      </rPr>
      <t>ストライキング光学フィルターガラスに使用されている。ただし、</t>
    </r>
    <r>
      <rPr>
        <sz val="11"/>
        <rFont val="Arial"/>
        <family val="2"/>
      </rPr>
      <t>EU RoHS</t>
    </r>
    <r>
      <rPr>
        <sz val="11"/>
        <rFont val="ＭＳ Ｐゴシック"/>
        <family val="3"/>
        <charset val="128"/>
      </rPr>
      <t>指令</t>
    </r>
    <r>
      <rPr>
        <sz val="11"/>
        <rFont val="Arial"/>
        <family val="2"/>
      </rPr>
      <t xml:space="preserve"> </t>
    </r>
    <r>
      <rPr>
        <sz val="11"/>
        <rFont val="ＭＳ Ｐゴシック"/>
        <family val="3"/>
        <charset val="128"/>
      </rPr>
      <t>附属書</t>
    </r>
    <r>
      <rPr>
        <sz val="11"/>
        <rFont val="Arial"/>
        <family val="2"/>
      </rPr>
      <t>III</t>
    </r>
    <r>
      <rPr>
        <sz val="11"/>
        <rFont val="ＭＳ Ｐゴシック"/>
        <family val="3"/>
        <charset val="128"/>
      </rPr>
      <t>の</t>
    </r>
    <r>
      <rPr>
        <sz val="11"/>
        <rFont val="Arial"/>
        <family val="2"/>
      </rPr>
      <t>39</t>
    </r>
    <r>
      <rPr>
        <sz val="11"/>
        <rFont val="ＭＳ Ｐゴシック"/>
        <family val="3"/>
        <charset val="128"/>
      </rPr>
      <t>項目に該当する用途は除く  ［</t>
    </r>
    <r>
      <rPr>
        <sz val="11"/>
        <rFont val="Arial"/>
        <family val="2"/>
      </rPr>
      <t>2020</t>
    </r>
    <r>
      <rPr>
        <sz val="11"/>
        <rFont val="ＭＳ Ｐゴシック"/>
        <family val="3"/>
        <charset val="128"/>
      </rPr>
      <t>年</t>
    </r>
    <r>
      <rPr>
        <sz val="11"/>
        <rFont val="Arial"/>
        <family val="2"/>
      </rPr>
      <t>7</t>
    </r>
    <r>
      <rPr>
        <sz val="11"/>
        <rFont val="ＭＳ Ｐゴシック"/>
        <family val="3"/>
        <charset val="128"/>
      </rPr>
      <t>月</t>
    </r>
    <r>
      <rPr>
        <sz val="11"/>
        <rFont val="Arial"/>
        <family val="2"/>
      </rPr>
      <t>21</t>
    </r>
    <r>
      <rPr>
        <sz val="11"/>
        <rFont val="ＭＳ Ｐゴシック"/>
        <family val="3"/>
        <charset val="128"/>
      </rPr>
      <t>日以降使用禁止</t>
    </r>
    <r>
      <rPr>
        <sz val="11"/>
        <rFont val="Arial"/>
        <family val="2"/>
      </rPr>
      <t xml:space="preserve"> *2</t>
    </r>
    <r>
      <rPr>
        <sz val="11"/>
        <rFont val="ＭＳ Ｐゴシック"/>
        <family val="3"/>
        <charset val="128"/>
      </rPr>
      <t>）］／</t>
    </r>
    <rPh sb="18" eb="20">
      <t>シヨウ</t>
    </rPh>
    <phoneticPr fontId="5"/>
  </si>
  <si>
    <r>
      <rPr>
        <sz val="11"/>
        <rFont val="ＭＳ Ｐゴシック"/>
        <family val="3"/>
        <charset val="128"/>
      </rPr>
      <t>光学用途に使われる白色ガラスに使用されている</t>
    </r>
    <r>
      <rPr>
        <sz val="11"/>
        <rFont val="Arial"/>
        <family val="2"/>
      </rPr>
      <t xml:space="preserve"> </t>
    </r>
    <r>
      <rPr>
        <sz val="11"/>
        <rFont val="ＭＳ Ｐゴシック"/>
        <family val="3"/>
        <charset val="128"/>
      </rPr>
      <t>［</t>
    </r>
    <r>
      <rPr>
        <sz val="11"/>
        <rFont val="Arial"/>
        <family val="2"/>
      </rPr>
      <t>2020</t>
    </r>
    <r>
      <rPr>
        <sz val="11"/>
        <rFont val="ＭＳ Ｐゴシック"/>
        <family val="3"/>
        <charset val="128"/>
      </rPr>
      <t>年</t>
    </r>
    <r>
      <rPr>
        <sz val="11"/>
        <rFont val="Arial"/>
        <family val="2"/>
      </rPr>
      <t>7</t>
    </r>
    <r>
      <rPr>
        <sz val="11"/>
        <rFont val="ＭＳ Ｐゴシック"/>
        <family val="3"/>
        <charset val="128"/>
      </rPr>
      <t>月</t>
    </r>
    <r>
      <rPr>
        <sz val="11"/>
        <rFont val="Arial"/>
        <family val="2"/>
      </rPr>
      <t>21</t>
    </r>
    <r>
      <rPr>
        <sz val="11"/>
        <rFont val="ＭＳ Ｐゴシック"/>
        <family val="3"/>
        <charset val="128"/>
      </rPr>
      <t>日以降使用禁止</t>
    </r>
    <r>
      <rPr>
        <sz val="11"/>
        <rFont val="Arial"/>
        <family val="2"/>
      </rPr>
      <t xml:space="preserve"> *2</t>
    </r>
    <r>
      <rPr>
        <sz val="11"/>
        <rFont val="ＭＳ Ｐゴシック"/>
        <family val="3"/>
        <charset val="128"/>
      </rPr>
      <t>）］／</t>
    </r>
    <phoneticPr fontId="5"/>
  </si>
  <si>
    <r>
      <rPr>
        <sz val="11"/>
        <rFont val="ＭＳ Ｐゴシック"/>
        <family val="3"/>
        <charset val="128"/>
      </rPr>
      <t>上記以外の</t>
    </r>
    <r>
      <rPr>
        <sz val="11"/>
        <rFont val="Arial"/>
        <family val="2"/>
      </rPr>
      <t>EU RoHS</t>
    </r>
    <r>
      <rPr>
        <sz val="11"/>
        <rFont val="ＭＳ Ｐゴシック"/>
        <family val="3"/>
        <charset val="128"/>
      </rPr>
      <t>指令で定められた適用除外用途に使用されており、採用部門の許可を得ている／</t>
    </r>
    <rPh sb="15" eb="16">
      <t>サダ</t>
    </rPh>
    <rPh sb="20" eb="22">
      <t>テキヨウ</t>
    </rPh>
    <phoneticPr fontId="5"/>
  </si>
  <si>
    <r>
      <rPr>
        <sz val="11"/>
        <rFont val="ＭＳ Ｐゴシック"/>
        <family val="3"/>
        <charset val="128"/>
      </rPr>
      <t>下記（</t>
    </r>
    <r>
      <rPr>
        <sz val="11"/>
        <rFont val="Arial"/>
        <family val="2"/>
      </rPr>
      <t>4</t>
    </r>
    <r>
      <rPr>
        <sz val="11"/>
        <rFont val="ＭＳ Ｐゴシック"/>
        <family val="3"/>
        <charset val="128"/>
      </rPr>
      <t>）～（</t>
    </r>
    <r>
      <rPr>
        <sz val="11"/>
        <rFont val="Arial"/>
        <family val="2"/>
      </rPr>
      <t>15</t>
    </r>
    <r>
      <rPr>
        <sz val="11"/>
        <rFont val="ＭＳ Ｐゴシック"/>
        <family val="3"/>
        <charset val="128"/>
      </rPr>
      <t>）以外のものに使用されている／</t>
    </r>
    <phoneticPr fontId="5"/>
  </si>
  <si>
    <t>Used in every application other than the following (4)-(15).</t>
    <phoneticPr fontId="5"/>
  </si>
  <si>
    <r>
      <rPr>
        <sz val="11"/>
        <rFont val="ＭＳ Ｐゴシック"/>
        <family val="3"/>
        <charset val="128"/>
      </rPr>
      <t>高融点はんだ（鉛が</t>
    </r>
    <r>
      <rPr>
        <sz val="11"/>
        <rFont val="Arial"/>
        <family val="2"/>
      </rPr>
      <t>85wt%</t>
    </r>
    <r>
      <rPr>
        <sz val="11"/>
        <rFont val="ＭＳ Ｐゴシック"/>
        <family val="3"/>
        <charset val="128"/>
      </rPr>
      <t>以上のはんだ）に使用されている／</t>
    </r>
    <phoneticPr fontId="5"/>
  </si>
  <si>
    <r>
      <rPr>
        <sz val="11"/>
        <rFont val="ＭＳ Ｐゴシック"/>
        <family val="3"/>
        <charset val="128"/>
      </rPr>
      <t>電気電子部品中のコンデンサ内の誘電体セラミック以外のガラス中またはセラミック中（例</t>
    </r>
    <r>
      <rPr>
        <sz val="11"/>
        <rFont val="Arial"/>
        <family val="2"/>
      </rPr>
      <t xml:space="preserve"> </t>
    </r>
    <r>
      <rPr>
        <sz val="11"/>
        <rFont val="ＭＳ Ｐゴシック"/>
        <family val="3"/>
        <charset val="128"/>
      </rPr>
      <t>圧電素子）に、もしくは、ガラスまたはセラミックを母材とする化合物中に使用されている／</t>
    </r>
    <phoneticPr fontId="5"/>
  </si>
  <si>
    <r>
      <rPr>
        <sz val="11"/>
        <rFont val="ＭＳ Ｐゴシック"/>
        <family val="3"/>
        <charset val="128"/>
      </rPr>
      <t>蛍光管のガラス（</t>
    </r>
    <r>
      <rPr>
        <sz val="11"/>
        <rFont val="Arial"/>
        <family val="2"/>
      </rPr>
      <t>0.2wt%</t>
    </r>
    <r>
      <rPr>
        <sz val="11"/>
        <rFont val="ＭＳ Ｐゴシック"/>
        <family val="3"/>
        <charset val="128"/>
      </rPr>
      <t>まで）に使用されている／</t>
    </r>
    <phoneticPr fontId="5"/>
  </si>
  <si>
    <r>
      <rPr>
        <sz val="11"/>
        <rFont val="ＭＳ Ｐゴシック"/>
        <family val="3"/>
        <charset val="128"/>
      </rPr>
      <t>合金成分に含有している／</t>
    </r>
    <r>
      <rPr>
        <sz val="9"/>
        <rFont val="Arial"/>
        <family val="2"/>
      </rPr>
      <t>Contained as an alloying element.</t>
    </r>
    <phoneticPr fontId="5"/>
  </si>
  <si>
    <r>
      <t xml:space="preserve">(a) </t>
    </r>
    <r>
      <rPr>
        <sz val="11"/>
        <rFont val="ＭＳ Ｐゴシック"/>
        <family val="3"/>
        <charset val="128"/>
      </rPr>
      <t>鋼材中</t>
    </r>
    <r>
      <rPr>
        <sz val="11"/>
        <rFont val="Arial"/>
        <family val="2"/>
      </rPr>
      <t>0.35wt%</t>
    </r>
    <r>
      <rPr>
        <sz val="11"/>
        <rFont val="ＭＳ Ｐゴシック"/>
        <family val="3"/>
        <charset val="128"/>
      </rPr>
      <t>未満／</t>
    </r>
    <r>
      <rPr>
        <sz val="9"/>
        <rFont val="Arial"/>
        <family val="2"/>
      </rPr>
      <t>Used less than 0.35% by weight in steel alloy.</t>
    </r>
    <phoneticPr fontId="5"/>
  </si>
  <si>
    <r>
      <t xml:space="preserve">(b) </t>
    </r>
    <r>
      <rPr>
        <sz val="11"/>
        <rFont val="ＭＳ Ｐゴシック"/>
        <family val="3"/>
        <charset val="128"/>
      </rPr>
      <t>アルミ材中</t>
    </r>
    <r>
      <rPr>
        <sz val="11"/>
        <rFont val="Arial"/>
        <family val="2"/>
      </rPr>
      <t>0.4wt%</t>
    </r>
    <r>
      <rPr>
        <sz val="11"/>
        <rFont val="ＭＳ Ｐゴシック"/>
        <family val="3"/>
        <charset val="128"/>
      </rPr>
      <t>未満／</t>
    </r>
    <r>
      <rPr>
        <sz val="9"/>
        <rFont val="Arial"/>
        <family val="2"/>
      </rPr>
      <t>Used less than 0.4% by weight in aluminium alloy.</t>
    </r>
    <phoneticPr fontId="5"/>
  </si>
  <si>
    <r>
      <t xml:space="preserve">(c) </t>
    </r>
    <r>
      <rPr>
        <sz val="11"/>
        <rFont val="ＭＳ Ｐゴシック"/>
        <family val="3"/>
        <charset val="128"/>
      </rPr>
      <t>銅材中</t>
    </r>
    <r>
      <rPr>
        <sz val="11"/>
        <rFont val="Arial"/>
        <family val="2"/>
      </rPr>
      <t>4wt%</t>
    </r>
    <r>
      <rPr>
        <sz val="11"/>
        <rFont val="ＭＳ Ｐゴシック"/>
        <family val="3"/>
        <charset val="128"/>
      </rPr>
      <t>未満／</t>
    </r>
    <r>
      <rPr>
        <sz val="9"/>
        <rFont val="Arial"/>
        <family val="2"/>
      </rPr>
      <t>Used less than 4% by weight in copper alloy.</t>
    </r>
    <phoneticPr fontId="5"/>
  </si>
  <si>
    <r>
      <rPr>
        <sz val="11"/>
        <rFont val="ＭＳ Ｐゴシック"/>
        <family val="3"/>
        <charset val="128"/>
      </rPr>
      <t>集積回路パッケージ（フリップチップ）内部における半導体ダイとキャリア間の確実な電気接続のために必要なはんだに使用されている／</t>
    </r>
    <phoneticPr fontId="5"/>
  </si>
  <si>
    <r>
      <rPr>
        <sz val="11"/>
        <rFont val="ＭＳ Ｐゴシック"/>
        <family val="3"/>
        <charset val="128"/>
      </rPr>
      <t>光学用途に使われる白色ガラスに使用されている</t>
    </r>
    <r>
      <rPr>
        <sz val="11"/>
        <rFont val="Arial"/>
        <family val="2"/>
      </rPr>
      <t xml:space="preserve"> </t>
    </r>
    <r>
      <rPr>
        <sz val="11"/>
        <rFont val="ＭＳ Ｐゴシック"/>
        <family val="3"/>
        <charset val="128"/>
      </rPr>
      <t>［</t>
    </r>
    <r>
      <rPr>
        <sz val="11"/>
        <rFont val="Arial"/>
        <family val="2"/>
      </rPr>
      <t>2020</t>
    </r>
    <r>
      <rPr>
        <sz val="11"/>
        <rFont val="ＭＳ Ｐゴシック"/>
        <family val="3"/>
        <charset val="128"/>
      </rPr>
      <t>年</t>
    </r>
    <r>
      <rPr>
        <sz val="11"/>
        <rFont val="Arial"/>
        <family val="2"/>
      </rPr>
      <t>7</t>
    </r>
    <r>
      <rPr>
        <sz val="11"/>
        <rFont val="ＭＳ Ｐゴシック"/>
        <family val="3"/>
        <charset val="128"/>
      </rPr>
      <t>月</t>
    </r>
    <r>
      <rPr>
        <sz val="11"/>
        <rFont val="Arial"/>
        <family val="2"/>
      </rPr>
      <t>21</t>
    </r>
    <r>
      <rPr>
        <sz val="11"/>
        <rFont val="ＭＳ Ｐゴシック"/>
        <family val="3"/>
        <charset val="128"/>
      </rPr>
      <t>日以降使用禁止</t>
    </r>
    <r>
      <rPr>
        <sz val="11"/>
        <rFont val="Arial"/>
        <family val="2"/>
      </rPr>
      <t xml:space="preserve"> *2</t>
    </r>
    <r>
      <rPr>
        <sz val="11"/>
        <rFont val="ＭＳ Ｐゴシック"/>
        <family val="3"/>
        <charset val="128"/>
      </rPr>
      <t>）］／</t>
    </r>
    <phoneticPr fontId="5"/>
  </si>
  <si>
    <r>
      <rPr>
        <sz val="11"/>
        <rFont val="ＭＳ Ｐゴシック"/>
        <family val="3"/>
        <charset val="128"/>
      </rPr>
      <t>イオン着色された光学フィルターガラスに使用されている</t>
    </r>
    <r>
      <rPr>
        <sz val="11"/>
        <rFont val="Arial"/>
        <family val="2"/>
      </rPr>
      <t xml:space="preserve"> </t>
    </r>
    <r>
      <rPr>
        <sz val="11"/>
        <rFont val="ＭＳ Ｐゴシック"/>
        <family val="3"/>
        <charset val="128"/>
      </rPr>
      <t>［</t>
    </r>
    <r>
      <rPr>
        <sz val="11"/>
        <rFont val="Arial"/>
        <family val="2"/>
      </rPr>
      <t>2020</t>
    </r>
    <r>
      <rPr>
        <sz val="11"/>
        <rFont val="ＭＳ Ｐゴシック"/>
        <family val="3"/>
        <charset val="128"/>
      </rPr>
      <t>年</t>
    </r>
    <r>
      <rPr>
        <sz val="11"/>
        <rFont val="Arial"/>
        <family val="2"/>
      </rPr>
      <t>7</t>
    </r>
    <r>
      <rPr>
        <sz val="11"/>
        <rFont val="ＭＳ Ｐゴシック"/>
        <family val="3"/>
        <charset val="128"/>
      </rPr>
      <t>月</t>
    </r>
    <r>
      <rPr>
        <sz val="11"/>
        <rFont val="Arial"/>
        <family val="2"/>
      </rPr>
      <t>21</t>
    </r>
    <r>
      <rPr>
        <sz val="11"/>
        <rFont val="ＭＳ Ｐゴシック"/>
        <family val="3"/>
        <charset val="128"/>
      </rPr>
      <t>日以降使用禁止</t>
    </r>
    <r>
      <rPr>
        <sz val="11"/>
        <rFont val="Arial"/>
        <family val="2"/>
      </rPr>
      <t xml:space="preserve"> *2</t>
    </r>
    <r>
      <rPr>
        <sz val="11"/>
        <rFont val="ＭＳ Ｐゴシック"/>
        <family val="3"/>
        <charset val="128"/>
      </rPr>
      <t>）］／</t>
    </r>
    <phoneticPr fontId="5"/>
  </si>
  <si>
    <r>
      <rPr>
        <sz val="11"/>
        <rFont val="ＭＳ Ｐゴシック"/>
        <family val="3"/>
        <charset val="128"/>
      </rPr>
      <t>反射標準物質用のグレーズに使用されている</t>
    </r>
    <r>
      <rPr>
        <sz val="11"/>
        <rFont val="Arial"/>
        <family val="2"/>
      </rPr>
      <t xml:space="preserve"> </t>
    </r>
    <r>
      <rPr>
        <sz val="11"/>
        <rFont val="ＭＳ Ｐゴシック"/>
        <family val="3"/>
        <charset val="128"/>
      </rPr>
      <t>［</t>
    </r>
    <r>
      <rPr>
        <sz val="11"/>
        <rFont val="Arial"/>
        <family val="2"/>
      </rPr>
      <t>2020</t>
    </r>
    <r>
      <rPr>
        <sz val="11"/>
        <rFont val="ＭＳ Ｐゴシック"/>
        <family val="3"/>
        <charset val="128"/>
      </rPr>
      <t>年</t>
    </r>
    <r>
      <rPr>
        <sz val="11"/>
        <rFont val="Arial"/>
        <family val="2"/>
      </rPr>
      <t>7</t>
    </r>
    <r>
      <rPr>
        <sz val="11"/>
        <rFont val="ＭＳ Ｐゴシック"/>
        <family val="3"/>
        <charset val="128"/>
      </rPr>
      <t>月</t>
    </r>
    <r>
      <rPr>
        <sz val="11"/>
        <rFont val="Arial"/>
        <family val="2"/>
      </rPr>
      <t>21</t>
    </r>
    <r>
      <rPr>
        <sz val="11"/>
        <rFont val="ＭＳ Ｐゴシック"/>
        <family val="3"/>
        <charset val="128"/>
      </rPr>
      <t>日以降使用禁止</t>
    </r>
    <r>
      <rPr>
        <sz val="11"/>
        <rFont val="Arial"/>
        <family val="2"/>
      </rPr>
      <t xml:space="preserve"> *2</t>
    </r>
    <r>
      <rPr>
        <sz val="11"/>
        <rFont val="ＭＳ Ｐゴシック"/>
        <family val="3"/>
        <charset val="128"/>
      </rPr>
      <t>）］／</t>
    </r>
    <phoneticPr fontId="5"/>
  </si>
  <si>
    <r>
      <t>9kW</t>
    </r>
    <r>
      <rPr>
        <sz val="11"/>
        <rFont val="ＭＳ Ｐゴシック"/>
        <family val="3"/>
        <charset val="128"/>
      </rPr>
      <t>以下の銘板電力入力を有する、暖房、換気、空調及び冷却（</t>
    </r>
    <r>
      <rPr>
        <sz val="11"/>
        <rFont val="Arial"/>
        <family val="2"/>
      </rPr>
      <t>HVACR</t>
    </r>
    <r>
      <rPr>
        <sz val="11"/>
        <rFont val="ＭＳ Ｐゴシック"/>
        <family val="3"/>
        <charset val="128"/>
      </rPr>
      <t xml:space="preserve">）用途向け冷媒含有密閉型スクロールコンプレッサー用のベアリング・シェル及びブッシュに使用されている
</t>
    </r>
    <r>
      <rPr>
        <sz val="11"/>
        <rFont val="Arial"/>
        <family val="2"/>
      </rPr>
      <t xml:space="preserve"> </t>
    </r>
    <r>
      <rPr>
        <sz val="11"/>
        <rFont val="ＭＳ Ｐゴシック"/>
        <family val="3"/>
        <charset val="128"/>
      </rPr>
      <t>［</t>
    </r>
    <r>
      <rPr>
        <sz val="11"/>
        <rFont val="Arial"/>
        <family val="2"/>
      </rPr>
      <t>2018</t>
    </r>
    <r>
      <rPr>
        <sz val="11"/>
        <rFont val="ＭＳ Ｐゴシック"/>
        <family val="3"/>
        <charset val="128"/>
      </rPr>
      <t>年</t>
    </r>
    <r>
      <rPr>
        <sz val="11"/>
        <rFont val="Arial"/>
        <family val="2"/>
      </rPr>
      <t>7</t>
    </r>
    <r>
      <rPr>
        <sz val="11"/>
        <rFont val="ＭＳ Ｐゴシック"/>
        <family val="3"/>
        <charset val="128"/>
      </rPr>
      <t>月</t>
    </r>
    <r>
      <rPr>
        <sz val="11"/>
        <rFont val="Arial"/>
        <family val="2"/>
      </rPr>
      <t>21</t>
    </r>
    <r>
      <rPr>
        <sz val="11"/>
        <rFont val="ＭＳ Ｐゴシック"/>
        <family val="3"/>
        <charset val="128"/>
      </rPr>
      <t>日以降使用禁止</t>
    </r>
    <r>
      <rPr>
        <sz val="11"/>
        <rFont val="Arial"/>
        <family val="2"/>
      </rPr>
      <t xml:space="preserve"> *2</t>
    </r>
    <r>
      <rPr>
        <sz val="11"/>
        <rFont val="ＭＳ Ｐゴシック"/>
        <family val="3"/>
        <charset val="128"/>
      </rPr>
      <t>）］／</t>
    </r>
    <phoneticPr fontId="5"/>
  </si>
  <si>
    <r>
      <rPr>
        <sz val="10"/>
        <rFont val="MS UI Gothic"/>
        <family val="3"/>
        <charset val="128"/>
      </rPr>
      <t>物質名</t>
    </r>
  </si>
  <si>
    <r>
      <rPr>
        <sz val="10"/>
        <rFont val="ＭＳ Ｐゴシック"/>
        <family val="3"/>
        <charset val="128"/>
      </rPr>
      <t>物質名</t>
    </r>
    <rPh sb="0" eb="2">
      <t>ブッシツ</t>
    </rPh>
    <rPh sb="2" eb="3">
      <t>メイ</t>
    </rPh>
    <phoneticPr fontId="5"/>
  </si>
  <si>
    <r>
      <rPr>
        <sz val="10"/>
        <rFont val="MS UI Gothic"/>
        <family val="3"/>
        <charset val="128"/>
      </rPr>
      <t>変更点</t>
    </r>
    <phoneticPr fontId="5"/>
  </si>
  <si>
    <r>
      <rPr>
        <sz val="10"/>
        <rFont val="MS UI Gothic"/>
        <family val="3"/>
        <charset val="128"/>
      </rPr>
      <t>六価クロム化合物</t>
    </r>
  </si>
  <si>
    <r>
      <rPr>
        <sz val="10"/>
        <rFont val="ＭＳ Ｐゴシック"/>
        <family val="3"/>
        <charset val="128"/>
      </rPr>
      <t>←</t>
    </r>
  </si>
  <si>
    <r>
      <rPr>
        <sz val="10"/>
        <rFont val="MS UI Gothic"/>
        <family val="3"/>
        <charset val="128"/>
      </rPr>
      <t>ポリ臭化ビフェニル類</t>
    </r>
    <r>
      <rPr>
        <sz val="10"/>
        <rFont val="Arial"/>
        <family val="2"/>
      </rPr>
      <t xml:space="preserve"> </t>
    </r>
    <r>
      <rPr>
        <sz val="10"/>
        <rFont val="MS UI Gothic"/>
        <family val="3"/>
        <charset val="128"/>
      </rPr>
      <t>（</t>
    </r>
    <r>
      <rPr>
        <sz val="10"/>
        <rFont val="Arial"/>
        <family val="2"/>
      </rPr>
      <t>PBB</t>
    </r>
    <r>
      <rPr>
        <sz val="10"/>
        <rFont val="MS UI Gothic"/>
        <family val="3"/>
        <charset val="128"/>
      </rPr>
      <t>類）</t>
    </r>
  </si>
  <si>
    <r>
      <rPr>
        <sz val="10"/>
        <rFont val="MS UI Gothic"/>
        <family val="3"/>
        <charset val="128"/>
      </rPr>
      <t>ポリ臭化ジフェニルエーテル類（</t>
    </r>
    <r>
      <rPr>
        <sz val="10"/>
        <rFont val="Arial"/>
        <family val="2"/>
      </rPr>
      <t>PBDE</t>
    </r>
    <r>
      <rPr>
        <sz val="10"/>
        <rFont val="MS UI Gothic"/>
        <family val="3"/>
        <charset val="128"/>
      </rPr>
      <t>類）</t>
    </r>
  </si>
  <si>
    <r>
      <rPr>
        <sz val="10"/>
        <rFont val="MS UI Gothic"/>
        <family val="3"/>
        <charset val="128"/>
      </rPr>
      <t>フタル酸ジイソブチル（</t>
    </r>
    <r>
      <rPr>
        <sz val="10"/>
        <rFont val="Arial"/>
        <family val="2"/>
      </rPr>
      <t>DIBP</t>
    </r>
    <r>
      <rPr>
        <sz val="10"/>
        <rFont val="MS UI Gothic"/>
        <family val="3"/>
        <charset val="128"/>
      </rPr>
      <t>）</t>
    </r>
  </si>
  <si>
    <r>
      <rPr>
        <sz val="10"/>
        <rFont val="MS UI Gothic"/>
        <family val="3"/>
        <charset val="128"/>
      </rPr>
      <t>フタル酸ジ（</t>
    </r>
    <r>
      <rPr>
        <sz val="10"/>
        <rFont val="Arial"/>
        <family val="2"/>
      </rPr>
      <t>2-</t>
    </r>
    <r>
      <rPr>
        <sz val="10"/>
        <rFont val="MS UI Gothic"/>
        <family val="3"/>
        <charset val="128"/>
      </rPr>
      <t>エチルヘキシル）（</t>
    </r>
    <r>
      <rPr>
        <sz val="10"/>
        <rFont val="Arial"/>
        <family val="2"/>
      </rPr>
      <t>DEHP</t>
    </r>
    <r>
      <rPr>
        <sz val="10"/>
        <rFont val="MS UI Gothic"/>
        <family val="3"/>
        <charset val="128"/>
      </rPr>
      <t>）、フタル酸ジブチル（</t>
    </r>
    <r>
      <rPr>
        <sz val="10"/>
        <rFont val="Arial"/>
        <family val="2"/>
      </rPr>
      <t>DBP</t>
    </r>
    <r>
      <rPr>
        <sz val="10"/>
        <rFont val="MS UI Gothic"/>
        <family val="3"/>
        <charset val="128"/>
      </rPr>
      <t>）、フタル酸ブチルベンジル（</t>
    </r>
    <r>
      <rPr>
        <sz val="10"/>
        <rFont val="Arial"/>
        <family val="2"/>
      </rPr>
      <t>BBP</t>
    </r>
    <r>
      <rPr>
        <sz val="10"/>
        <rFont val="MS UI Gothic"/>
        <family val="3"/>
        <charset val="128"/>
      </rPr>
      <t>）</t>
    </r>
  </si>
  <si>
    <r>
      <rPr>
        <sz val="10"/>
        <rFont val="MS UI Gothic"/>
        <family val="3"/>
        <charset val="128"/>
      </rPr>
      <t>カドミウム及びその化合物</t>
    </r>
  </si>
  <si>
    <r>
      <rPr>
        <sz val="10"/>
        <rFont val="MS UI Gothic"/>
        <family val="3"/>
        <charset val="128"/>
      </rPr>
      <t>鉛及びその化合物</t>
    </r>
  </si>
  <si>
    <r>
      <rPr>
        <sz val="10"/>
        <rFont val="ＭＳ Ｐゴシック"/>
        <family val="3"/>
        <charset val="128"/>
      </rPr>
      <t>別表の確認内容（判定基準）を変更</t>
    </r>
    <r>
      <rPr>
        <sz val="10"/>
        <rFont val="Arial"/>
        <family val="2"/>
      </rPr>
      <t xml:space="preserve"> </t>
    </r>
    <r>
      <rPr>
        <sz val="10"/>
        <rFont val="ＭＳ Ｐゴシック"/>
        <family val="3"/>
        <charset val="128"/>
      </rPr>
      <t>（</t>
    </r>
    <r>
      <rPr>
        <sz val="10"/>
        <rFont val="Arial"/>
        <family val="2"/>
      </rPr>
      <t>EU RoHS</t>
    </r>
    <r>
      <rPr>
        <sz val="10"/>
        <rFont val="ＭＳ Ｐゴシック"/>
        <family val="3"/>
        <charset val="128"/>
      </rPr>
      <t>指令の除外用途に合わせた記載に変更）</t>
    </r>
    <rPh sb="0" eb="2">
      <t>ベッピョウ</t>
    </rPh>
    <rPh sb="3" eb="5">
      <t>カクニン</t>
    </rPh>
    <rPh sb="5" eb="7">
      <t>ナイヨウ</t>
    </rPh>
    <rPh sb="8" eb="10">
      <t>ハンテイ</t>
    </rPh>
    <rPh sb="10" eb="12">
      <t>キジュン</t>
    </rPh>
    <rPh sb="14" eb="16">
      <t>ヘンコウ</t>
    </rPh>
    <rPh sb="25" eb="27">
      <t>シレイ</t>
    </rPh>
    <rPh sb="28" eb="30">
      <t>ジョガイ</t>
    </rPh>
    <rPh sb="30" eb="32">
      <t>ヨウト</t>
    </rPh>
    <phoneticPr fontId="5"/>
  </si>
  <si>
    <r>
      <t xml:space="preserve">*2) </t>
    </r>
    <r>
      <rPr>
        <b/>
        <sz val="8"/>
        <color theme="1"/>
        <rFont val="ＭＳ Ｐゴシック"/>
        <family val="3"/>
        <charset val="128"/>
      </rPr>
      <t>シャープ納入品への使用禁止期日です。</t>
    </r>
    <r>
      <rPr>
        <b/>
        <sz val="8"/>
        <color theme="1"/>
        <rFont val="Arial"/>
        <family val="2"/>
      </rPr>
      <t>EU RoHS</t>
    </r>
    <r>
      <rPr>
        <b/>
        <sz val="8"/>
        <color theme="1"/>
        <rFont val="ＭＳ Ｐゴシック"/>
        <family val="3"/>
        <charset val="128"/>
      </rPr>
      <t>指令（</t>
    </r>
    <r>
      <rPr>
        <b/>
        <sz val="8"/>
        <color theme="1"/>
        <rFont val="Arial"/>
        <family val="2"/>
      </rPr>
      <t>2011/65/EU</t>
    </r>
    <r>
      <rPr>
        <b/>
        <sz val="8"/>
        <color theme="1"/>
        <rFont val="ＭＳ Ｐゴシック"/>
        <family val="3"/>
        <charset val="128"/>
      </rPr>
      <t>）における期限とは異なります</t>
    </r>
    <r>
      <rPr>
        <b/>
        <sz val="8"/>
        <color theme="1"/>
        <rFont val="Arial"/>
        <family val="2"/>
      </rPr>
      <t xml:space="preserve"> </t>
    </r>
    <r>
      <rPr>
        <b/>
        <sz val="8"/>
        <color theme="1"/>
        <rFont val="ＭＳ Ｐゴシック"/>
        <family val="3"/>
        <charset val="128"/>
      </rPr>
      <t>／</t>
    </r>
  </si>
  <si>
    <t>（「署名」或は、「印字と捺印」をお願いします／"Signature" OR "input name and Seal"）</t>
    <phoneticPr fontId="5"/>
  </si>
  <si>
    <t xml:space="preserve">   It is a date to prohibit use on deliveries to SHARP. The expiry date described here is different from the date regulated by EU RoHS directive (2011/65/EU)</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yyyy/mm/dd"/>
    <numFmt numFmtId="177" formatCode="&quot;(&quot;General&quot;)&quot;"/>
  </numFmts>
  <fonts count="71">
    <font>
      <sz val="10"/>
      <color theme="1"/>
      <name val="MS UI Gothic"/>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MS UI Gothic"/>
      <family val="3"/>
      <charset val="128"/>
    </font>
    <font>
      <sz val="10"/>
      <name val="Arial"/>
      <family val="2"/>
    </font>
    <font>
      <sz val="11"/>
      <name val="ＭＳ Ｐゴシック"/>
      <family val="3"/>
      <charset val="128"/>
    </font>
    <font>
      <sz val="6"/>
      <name val="ＭＳ Ｐゴシック"/>
      <family val="2"/>
      <charset val="128"/>
      <scheme val="minor"/>
    </font>
    <font>
      <sz val="9"/>
      <color theme="1"/>
      <name val="Arial"/>
      <family val="2"/>
    </font>
    <font>
      <sz val="9"/>
      <color theme="1"/>
      <name val="ＭＳ Ｐゴシック"/>
      <family val="2"/>
      <charset val="128"/>
    </font>
    <font>
      <b/>
      <sz val="9"/>
      <color theme="1"/>
      <name val="Arial"/>
      <family val="2"/>
    </font>
    <font>
      <sz val="9"/>
      <name val="Arial"/>
      <family val="2"/>
    </font>
    <font>
      <sz val="8"/>
      <color theme="1"/>
      <name val="Arial"/>
      <family val="2"/>
    </font>
    <font>
      <sz val="8"/>
      <name val="Arial"/>
      <family val="2"/>
    </font>
    <font>
      <b/>
      <sz val="8"/>
      <color theme="1"/>
      <name val="Arial"/>
      <family val="2"/>
    </font>
    <font>
      <b/>
      <sz val="9"/>
      <name val="Arial"/>
      <family val="2"/>
    </font>
    <font>
      <sz val="9"/>
      <name val="ＭＳ Ｐゴシック"/>
      <family val="3"/>
      <charset val="128"/>
    </font>
    <font>
      <sz val="9"/>
      <color theme="1"/>
      <name val="ＭＳ Ｐゴシック"/>
      <family val="3"/>
      <charset val="128"/>
    </font>
    <font>
      <b/>
      <u/>
      <sz val="8"/>
      <color theme="1"/>
      <name val="Arial"/>
      <family val="2"/>
    </font>
    <font>
      <b/>
      <sz val="10"/>
      <color theme="1"/>
      <name val="ＭＳ Ｐゴシック"/>
      <family val="3"/>
      <charset val="128"/>
    </font>
    <font>
      <sz val="11"/>
      <color theme="1"/>
      <name val="ＭＳ Ｐゴシック"/>
      <family val="3"/>
      <charset val="128"/>
    </font>
    <font>
      <b/>
      <sz val="11"/>
      <color theme="0"/>
      <name val="ＭＳ Ｐゴシック"/>
      <family val="3"/>
      <charset val="128"/>
    </font>
    <font>
      <b/>
      <sz val="12"/>
      <color theme="1"/>
      <name val="ＭＳ Ｐゴシック"/>
      <family val="3"/>
      <charset val="128"/>
    </font>
    <font>
      <b/>
      <sz val="11"/>
      <color theme="1"/>
      <name val="ＭＳ Ｐゴシック"/>
      <family val="3"/>
      <charset val="128"/>
    </font>
    <font>
      <sz val="6"/>
      <color theme="1"/>
      <name val="Arial"/>
      <family val="2"/>
    </font>
    <font>
      <b/>
      <sz val="8"/>
      <color theme="1"/>
      <name val="ＭＳ Ｐゴシック"/>
      <family val="3"/>
      <charset val="128"/>
    </font>
    <font>
      <b/>
      <sz val="9"/>
      <color theme="0"/>
      <name val="Arial"/>
      <family val="2"/>
    </font>
    <font>
      <vertAlign val="superscript"/>
      <sz val="9"/>
      <color theme="1"/>
      <name val="Arial"/>
      <family val="2"/>
    </font>
    <font>
      <b/>
      <sz val="10"/>
      <color rgb="FFFF0000"/>
      <name val="Arial"/>
      <family val="2"/>
    </font>
    <font>
      <b/>
      <sz val="20"/>
      <name val="Arial"/>
      <family val="2"/>
    </font>
    <font>
      <sz val="11"/>
      <color theme="1"/>
      <name val="Arial"/>
      <family val="2"/>
    </font>
    <font>
      <sz val="10"/>
      <color theme="1"/>
      <name val="Arial"/>
      <family val="2"/>
    </font>
    <font>
      <sz val="11"/>
      <name val="Arial"/>
      <family val="2"/>
    </font>
    <font>
      <b/>
      <sz val="10"/>
      <color theme="1"/>
      <name val="Arial"/>
      <family val="2"/>
    </font>
    <font>
      <b/>
      <sz val="12"/>
      <color theme="1"/>
      <name val="Arial"/>
      <family val="2"/>
    </font>
    <font>
      <b/>
      <sz val="11"/>
      <name val="Arial"/>
      <family val="2"/>
    </font>
    <font>
      <b/>
      <sz val="11"/>
      <color theme="1"/>
      <name val="Arial"/>
      <family val="2"/>
    </font>
    <font>
      <b/>
      <sz val="11"/>
      <color theme="0"/>
      <name val="Arial"/>
      <family val="2"/>
    </font>
    <font>
      <b/>
      <sz val="11"/>
      <name val="ＭＳ Ｐゴシック"/>
      <family val="3"/>
      <charset val="128"/>
    </font>
    <font>
      <b/>
      <sz val="12"/>
      <color theme="1"/>
      <name val="ＭＳ Ｐゴシック"/>
      <family val="2"/>
      <charset val="128"/>
    </font>
    <font>
      <sz val="11"/>
      <color theme="1"/>
      <name val="ＭＳ Ｐゴシック"/>
      <family val="2"/>
      <charset val="128"/>
    </font>
    <font>
      <sz val="11"/>
      <name val="ＭＳ Ｐゴシック"/>
      <family val="2"/>
      <charset val="128"/>
    </font>
    <font>
      <vertAlign val="superscript"/>
      <sz val="11"/>
      <color theme="1"/>
      <name val="Arial"/>
      <family val="2"/>
    </font>
    <font>
      <b/>
      <sz val="12"/>
      <color rgb="FFFF0000"/>
      <name val="Arial"/>
      <family val="2"/>
    </font>
    <font>
      <sz val="10"/>
      <color theme="1"/>
      <name val="ＭＳ Ｐゴシック"/>
      <family val="3"/>
      <charset val="128"/>
    </font>
    <font>
      <b/>
      <sz val="12"/>
      <color rgb="FFFF0000"/>
      <name val="ＭＳ Ｐゴシック"/>
      <family val="3"/>
      <charset val="128"/>
    </font>
    <font>
      <b/>
      <sz val="10"/>
      <color rgb="FFFF0000"/>
      <name val="MS UI Gothic"/>
      <family val="3"/>
      <charset val="128"/>
    </font>
    <font>
      <b/>
      <sz val="12"/>
      <color theme="1"/>
      <name val="MS UI Gothic"/>
      <family val="3"/>
      <charset val="128"/>
    </font>
    <font>
      <b/>
      <u/>
      <sz val="10"/>
      <color theme="1"/>
      <name val="Arial"/>
      <family val="2"/>
    </font>
    <font>
      <sz val="14"/>
      <name val="Arial"/>
      <family val="2"/>
    </font>
    <font>
      <sz val="10"/>
      <color rgb="FF000000"/>
      <name val="Arial"/>
      <family val="2"/>
    </font>
    <font>
      <b/>
      <sz val="9"/>
      <color theme="0"/>
      <name val="ＭＳ Ｐゴシック"/>
      <family val="3"/>
      <charset val="128"/>
    </font>
    <font>
      <b/>
      <sz val="12"/>
      <name val="Arial"/>
      <family val="2"/>
    </font>
    <font>
      <sz val="10"/>
      <name val="ＭＳ Ｐゴシック"/>
      <family val="3"/>
      <charset val="128"/>
    </font>
    <font>
      <b/>
      <sz val="10"/>
      <color rgb="FFFF0000"/>
      <name val="ＭＳ Ｐゴシック"/>
      <family val="3"/>
      <charset val="128"/>
    </font>
    <font>
      <sz val="18"/>
      <name val="Arial"/>
      <family val="2"/>
    </font>
    <font>
      <b/>
      <u/>
      <sz val="12"/>
      <name val="Arial"/>
      <family val="2"/>
    </font>
    <font>
      <b/>
      <u/>
      <sz val="12"/>
      <name val="ＭＳ Ｐゴシック"/>
      <family val="3"/>
      <charset val="128"/>
    </font>
    <font>
      <b/>
      <u/>
      <sz val="9"/>
      <name val="Arial"/>
      <family val="2"/>
    </font>
    <font>
      <b/>
      <u/>
      <sz val="9"/>
      <name val="ＭＳ Ｐゴシック"/>
      <family val="3"/>
      <charset val="128"/>
    </font>
    <font>
      <b/>
      <sz val="10"/>
      <name val="Arial"/>
      <family val="2"/>
    </font>
    <font>
      <b/>
      <sz val="20"/>
      <name val="ＭＳ Ｐゴシック"/>
      <family val="3"/>
      <charset val="128"/>
    </font>
    <font>
      <sz val="20"/>
      <name val="Arial"/>
      <family val="2"/>
    </font>
    <font>
      <b/>
      <u/>
      <sz val="10"/>
      <name val="Arial"/>
      <family val="2"/>
    </font>
    <font>
      <b/>
      <u/>
      <sz val="10"/>
      <name val="ＭＳ Ｐゴシック"/>
      <family val="3"/>
      <charset val="128"/>
    </font>
    <font>
      <b/>
      <u/>
      <sz val="8"/>
      <name val="Arial"/>
      <family val="2"/>
    </font>
    <font>
      <sz val="10"/>
      <name val="MS UI Gothic"/>
      <family val="3"/>
      <charset val="128"/>
    </font>
    <font>
      <sz val="10"/>
      <color theme="1"/>
      <name val="MS UI Gothic"/>
      <family val="3"/>
      <charset val="128"/>
    </font>
    <font>
      <b/>
      <sz val="10"/>
      <name val="ＭＳ Ｐゴシック"/>
      <family val="3"/>
      <charset val="128"/>
    </font>
    <font>
      <b/>
      <sz val="8"/>
      <name val="Arial"/>
      <family val="2"/>
    </font>
  </fonts>
  <fills count="5">
    <fill>
      <patternFill patternType="none"/>
    </fill>
    <fill>
      <patternFill patternType="gray125"/>
    </fill>
    <fill>
      <patternFill patternType="solid">
        <fgColor theme="1" tint="0.499984740745262"/>
        <bgColor indexed="64"/>
      </patternFill>
    </fill>
    <fill>
      <patternFill patternType="solid">
        <fgColor theme="0" tint="-0.14999847407452621"/>
        <bgColor indexed="64"/>
      </patternFill>
    </fill>
    <fill>
      <patternFill patternType="solid">
        <fgColor theme="0"/>
        <bgColor indexed="64"/>
      </patternFill>
    </fill>
  </fills>
  <borders count="32">
    <border>
      <left/>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thin">
        <color indexed="64"/>
      </right>
      <top style="double">
        <color indexed="64"/>
      </top>
      <bottom/>
      <diagonal/>
    </border>
    <border>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style="thin">
        <color indexed="64"/>
      </left>
      <right style="thin">
        <color indexed="64"/>
      </right>
      <top/>
      <bottom style="double">
        <color indexed="64"/>
      </bottom>
      <diagonal/>
    </border>
    <border>
      <left/>
      <right style="thin">
        <color indexed="64"/>
      </right>
      <top/>
      <bottom style="double">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right style="thin">
        <color indexed="64"/>
      </right>
      <top style="double">
        <color indexed="64"/>
      </top>
      <bottom style="thin">
        <color indexed="64"/>
      </bottom>
      <diagonal/>
    </border>
  </borders>
  <cellStyleXfs count="10">
    <xf numFmtId="0" fontId="0" fillId="0" borderId="0">
      <alignment vertical="center"/>
    </xf>
    <xf numFmtId="0" fontId="6" fillId="0" borderId="0"/>
    <xf numFmtId="0" fontId="7" fillId="0" borderId="0">
      <alignment vertical="center"/>
    </xf>
    <xf numFmtId="0" fontId="7" fillId="0" borderId="0">
      <alignment vertical="center"/>
    </xf>
    <xf numFmtId="0" fontId="4" fillId="0" borderId="0">
      <alignment vertical="center"/>
    </xf>
    <xf numFmtId="0" fontId="3" fillId="0" borderId="0">
      <alignment vertical="center"/>
    </xf>
    <xf numFmtId="0" fontId="2" fillId="0" borderId="0">
      <alignment vertical="center"/>
    </xf>
    <xf numFmtId="0" fontId="9" fillId="0" borderId="0">
      <alignment vertical="center" wrapText="1"/>
    </xf>
    <xf numFmtId="0" fontId="1" fillId="0" borderId="0">
      <alignment vertical="center"/>
    </xf>
    <xf numFmtId="0" fontId="68" fillId="0" borderId="0">
      <alignment vertical="center"/>
    </xf>
  </cellStyleXfs>
  <cellXfs count="360">
    <xf numFmtId="0" fontId="0" fillId="0" borderId="0" xfId="0">
      <alignment vertical="center"/>
    </xf>
    <xf numFmtId="0" fontId="9" fillId="0" borderId="0" xfId="6" applyFont="1" applyBorder="1">
      <alignment vertical="center"/>
    </xf>
    <xf numFmtId="0" fontId="9" fillId="0" borderId="0" xfId="6" applyFont="1" applyBorder="1" applyAlignment="1">
      <alignment horizontal="center" vertical="center"/>
    </xf>
    <xf numFmtId="0" fontId="9" fillId="0" borderId="0" xfId="6" applyFont="1" applyBorder="1" applyAlignment="1">
      <alignment vertical="center" wrapText="1"/>
    </xf>
    <xf numFmtId="0" fontId="9" fillId="0" borderId="10" xfId="6" applyFont="1" applyBorder="1" applyAlignment="1">
      <alignment horizontal="center" vertical="center"/>
    </xf>
    <xf numFmtId="0" fontId="9" fillId="0" borderId="10" xfId="6" applyFont="1" applyBorder="1" applyAlignment="1">
      <alignment vertical="center" wrapText="1"/>
    </xf>
    <xf numFmtId="0" fontId="9" fillId="0" borderId="0" xfId="0" applyFont="1">
      <alignment vertical="center"/>
    </xf>
    <xf numFmtId="0" fontId="11" fillId="0" borderId="0" xfId="0" applyFont="1">
      <alignment vertical="center"/>
    </xf>
    <xf numFmtId="0" fontId="12" fillId="0" borderId="0" xfId="0" applyFont="1" applyFill="1" applyAlignment="1">
      <alignment horizontal="left" vertical="center"/>
    </xf>
    <xf numFmtId="0" fontId="12" fillId="0" borderId="0" xfId="0" applyFont="1" applyFill="1" applyAlignment="1">
      <alignment horizontal="right" vertical="center" shrinkToFit="1"/>
    </xf>
    <xf numFmtId="0" fontId="11" fillId="0" borderId="0" xfId="6" applyFont="1" applyBorder="1">
      <alignment vertical="center"/>
    </xf>
    <xf numFmtId="0" fontId="14" fillId="0" borderId="0" xfId="0" applyFont="1" applyFill="1" applyAlignment="1">
      <alignment horizontal="left" vertical="center"/>
    </xf>
    <xf numFmtId="0" fontId="16" fillId="0" borderId="0" xfId="0" applyFont="1" applyFill="1" applyAlignment="1">
      <alignment horizontal="left" vertical="center"/>
    </xf>
    <xf numFmtId="0" fontId="11" fillId="0" borderId="0" xfId="6" applyFont="1" applyBorder="1" applyAlignment="1">
      <alignment horizontal="left" vertical="center" indent="1"/>
    </xf>
    <xf numFmtId="0" fontId="9" fillId="0" borderId="10" xfId="6" applyFont="1" applyBorder="1" applyAlignment="1">
      <alignment horizontal="right" vertical="center" wrapText="1"/>
    </xf>
    <xf numFmtId="0" fontId="9" fillId="0" borderId="12" xfId="6" applyFont="1" applyBorder="1" applyAlignment="1">
      <alignment horizontal="center" vertical="center"/>
    </xf>
    <xf numFmtId="0" fontId="9" fillId="0" borderId="12" xfId="6" applyFont="1" applyBorder="1" applyAlignment="1">
      <alignment vertical="center" wrapText="1"/>
    </xf>
    <xf numFmtId="0" fontId="9" fillId="0" borderId="12" xfId="6" applyFont="1" applyBorder="1" applyAlignment="1">
      <alignment horizontal="right" vertical="center" wrapText="1"/>
    </xf>
    <xf numFmtId="0" fontId="11" fillId="0" borderId="0" xfId="0" applyFont="1" applyBorder="1">
      <alignment vertical="center"/>
    </xf>
    <xf numFmtId="0" fontId="9" fillId="0" borderId="0" xfId="0" applyFont="1" applyBorder="1">
      <alignment vertical="center"/>
    </xf>
    <xf numFmtId="177" fontId="9" fillId="0" borderId="0" xfId="0" applyNumberFormat="1" applyFont="1" applyFill="1" applyBorder="1" applyAlignment="1">
      <alignment horizontal="center" vertical="center"/>
    </xf>
    <xf numFmtId="0" fontId="9" fillId="0" borderId="0" xfId="0" applyFont="1" applyBorder="1" applyAlignment="1">
      <alignment vertical="center" wrapText="1"/>
    </xf>
    <xf numFmtId="0" fontId="9" fillId="0" borderId="4" xfId="0" applyFont="1" applyBorder="1">
      <alignment vertical="center"/>
    </xf>
    <xf numFmtId="177" fontId="9" fillId="0" borderId="10" xfId="0" applyNumberFormat="1" applyFont="1" applyFill="1" applyBorder="1" applyAlignment="1">
      <alignment horizontal="center" vertical="center"/>
    </xf>
    <xf numFmtId="0" fontId="9" fillId="0" borderId="10" xfId="0" applyFont="1" applyBorder="1" applyAlignment="1">
      <alignment vertical="center" wrapText="1"/>
    </xf>
    <xf numFmtId="0" fontId="9" fillId="0" borderId="2" xfId="0" applyFont="1" applyBorder="1">
      <alignment vertical="center"/>
    </xf>
    <xf numFmtId="177" fontId="9" fillId="0" borderId="12" xfId="0" applyNumberFormat="1" applyFont="1" applyFill="1" applyBorder="1" applyAlignment="1">
      <alignment horizontal="center" vertical="center"/>
    </xf>
    <xf numFmtId="0" fontId="9" fillId="0" borderId="12" xfId="0" applyFont="1" applyBorder="1" applyAlignment="1">
      <alignment vertical="center" wrapText="1"/>
    </xf>
    <xf numFmtId="0" fontId="9" fillId="0" borderId="3" xfId="0" applyFont="1" applyBorder="1" applyAlignment="1">
      <alignment vertical="center" wrapText="1"/>
    </xf>
    <xf numFmtId="0" fontId="9" fillId="0" borderId="1" xfId="0" applyFont="1" applyBorder="1" applyAlignment="1">
      <alignment vertical="center" wrapText="1"/>
    </xf>
    <xf numFmtId="0" fontId="15" fillId="0" borderId="0" xfId="0" applyFont="1" applyBorder="1">
      <alignment vertical="center"/>
    </xf>
    <xf numFmtId="0" fontId="9" fillId="0" borderId="0" xfId="0" applyFont="1" applyBorder="1" applyAlignment="1">
      <alignment horizontal="center" vertical="center"/>
    </xf>
    <xf numFmtId="0" fontId="27" fillId="2" borderId="10" xfId="0" applyFont="1" applyFill="1" applyBorder="1" applyAlignment="1">
      <alignment horizontal="center" vertical="center"/>
    </xf>
    <xf numFmtId="0" fontId="9" fillId="0" borderId="12" xfId="0" applyFont="1" applyBorder="1" applyAlignment="1">
      <alignment horizontal="center" vertical="center"/>
    </xf>
    <xf numFmtId="0" fontId="9" fillId="0" borderId="10" xfId="0" applyFont="1" applyBorder="1" applyAlignment="1">
      <alignment horizontal="center" vertical="center"/>
    </xf>
    <xf numFmtId="0" fontId="27" fillId="2" borderId="12" xfId="0" applyFont="1" applyFill="1" applyBorder="1" applyAlignment="1">
      <alignment horizontal="center" vertical="center"/>
    </xf>
    <xf numFmtId="0" fontId="9" fillId="0" borderId="1" xfId="0" applyFont="1" applyBorder="1" applyAlignment="1">
      <alignment horizontal="center" vertical="center"/>
    </xf>
    <xf numFmtId="0" fontId="9" fillId="0" borderId="3" xfId="0" applyFont="1" applyBorder="1" applyAlignment="1">
      <alignment horizontal="center" vertical="center"/>
    </xf>
    <xf numFmtId="0" fontId="9" fillId="0" borderId="10" xfId="0" applyFont="1" applyBorder="1" applyAlignment="1">
      <alignment horizontal="left" vertical="center" wrapText="1" indent="2"/>
    </xf>
    <xf numFmtId="0" fontId="12" fillId="0" borderId="0" xfId="0" applyNumberFormat="1" applyFont="1" applyFill="1" applyBorder="1" applyAlignment="1" applyProtection="1">
      <alignment horizontal="right" vertical="center"/>
    </xf>
    <xf numFmtId="0" fontId="12" fillId="0" borderId="0" xfId="0" applyNumberFormat="1" applyFont="1" applyFill="1" applyBorder="1" applyAlignment="1" applyProtection="1">
      <alignment horizontal="center" vertical="center"/>
    </xf>
    <xf numFmtId="0" fontId="12" fillId="0" borderId="10" xfId="6" applyFont="1" applyBorder="1" applyAlignment="1">
      <alignment vertical="center" wrapText="1"/>
    </xf>
    <xf numFmtId="0" fontId="9" fillId="0" borderId="12" xfId="0" applyFont="1" applyBorder="1" applyAlignment="1">
      <alignment horizontal="right" vertical="center" wrapText="1"/>
    </xf>
    <xf numFmtId="0" fontId="32" fillId="0" borderId="0" xfId="0" applyFont="1">
      <alignment vertical="center"/>
    </xf>
    <xf numFmtId="0" fontId="33" fillId="0" borderId="0" xfId="0" applyFont="1" applyFill="1" applyAlignment="1">
      <alignment horizontal="left" vertical="center"/>
    </xf>
    <xf numFmtId="0" fontId="34" fillId="0" borderId="0" xfId="0" applyFont="1">
      <alignment vertical="center"/>
    </xf>
    <xf numFmtId="0" fontId="31" fillId="0" borderId="0" xfId="0" applyFont="1">
      <alignment vertical="center"/>
    </xf>
    <xf numFmtId="0" fontId="35" fillId="0" borderId="0" xfId="0" applyFont="1">
      <alignment vertical="center"/>
    </xf>
    <xf numFmtId="0" fontId="30" fillId="0" borderId="0" xfId="0" applyFont="1" applyFill="1" applyAlignment="1">
      <alignment horizontal="left" vertical="center"/>
    </xf>
    <xf numFmtId="0" fontId="33" fillId="0" borderId="0" xfId="0" applyFont="1" applyFill="1" applyAlignment="1">
      <alignment vertical="center"/>
    </xf>
    <xf numFmtId="0" fontId="36" fillId="0" borderId="0" xfId="0" applyFont="1" applyFill="1" applyAlignment="1">
      <alignment horizontal="left" vertical="center"/>
    </xf>
    <xf numFmtId="0" fontId="33" fillId="0" borderId="0" xfId="0" applyFont="1" applyFill="1" applyAlignment="1">
      <alignment horizontal="left" vertical="center" indent="1"/>
    </xf>
    <xf numFmtId="0" fontId="35" fillId="0" borderId="0" xfId="6" applyFont="1" applyBorder="1">
      <alignment vertical="center"/>
    </xf>
    <xf numFmtId="0" fontId="32" fillId="0" borderId="0" xfId="0" applyFont="1" applyBorder="1">
      <alignment vertical="center"/>
    </xf>
    <xf numFmtId="0" fontId="37" fillId="0" borderId="0" xfId="6" applyFont="1" applyBorder="1">
      <alignment vertical="center"/>
    </xf>
    <xf numFmtId="0" fontId="31" fillId="0" borderId="0" xfId="6" applyFont="1" applyBorder="1">
      <alignment vertical="center"/>
    </xf>
    <xf numFmtId="0" fontId="31" fillId="0" borderId="0" xfId="6" applyFont="1" applyBorder="1" applyAlignment="1">
      <alignment horizontal="center" vertical="center"/>
    </xf>
    <xf numFmtId="0" fontId="31" fillId="0" borderId="0" xfId="6" applyFont="1" applyBorder="1" applyAlignment="1">
      <alignment vertical="center" wrapText="1"/>
    </xf>
    <xf numFmtId="0" fontId="35" fillId="0" borderId="0" xfId="6" applyFont="1" applyAlignment="1">
      <alignment horizontal="center" vertical="center"/>
    </xf>
    <xf numFmtId="0" fontId="37" fillId="0" borderId="0" xfId="6" applyFont="1" applyAlignment="1">
      <alignment horizontal="center" vertical="center"/>
    </xf>
    <xf numFmtId="0" fontId="31" fillId="0" borderId="0" xfId="6" applyFont="1" applyAlignment="1">
      <alignment horizontal="center" vertical="center"/>
    </xf>
    <xf numFmtId="0" fontId="31" fillId="0" borderId="13" xfId="6" applyFont="1" applyBorder="1" applyAlignment="1">
      <alignment horizontal="center" vertical="center"/>
    </xf>
    <xf numFmtId="0" fontId="31" fillId="0" borderId="13" xfId="6" applyFont="1" applyBorder="1" applyAlignment="1">
      <alignment horizontal="center" vertical="center" wrapText="1"/>
    </xf>
    <xf numFmtId="0" fontId="33" fillId="0" borderId="13" xfId="0" applyNumberFormat="1" applyFont="1" applyFill="1" applyBorder="1" applyAlignment="1">
      <alignment horizontal="center" vertical="center"/>
    </xf>
    <xf numFmtId="0" fontId="32" fillId="0" borderId="0" xfId="0" applyFont="1" applyAlignment="1">
      <alignment horizontal="center" vertical="center"/>
    </xf>
    <xf numFmtId="0" fontId="35" fillId="0" borderId="0" xfId="6" applyFont="1">
      <alignment vertical="center"/>
    </xf>
    <xf numFmtId="0" fontId="37" fillId="0" borderId="0" xfId="6" applyFont="1">
      <alignment vertical="center"/>
    </xf>
    <xf numFmtId="0" fontId="31" fillId="0" borderId="0" xfId="6" applyFont="1">
      <alignment vertical="center"/>
    </xf>
    <xf numFmtId="0" fontId="31" fillId="0" borderId="12" xfId="6" applyFont="1" applyBorder="1" applyAlignment="1">
      <alignment horizontal="center" vertical="center"/>
    </xf>
    <xf numFmtId="0" fontId="31" fillId="0" borderId="12" xfId="6" applyFont="1" applyBorder="1" applyAlignment="1">
      <alignment vertical="center" wrapText="1"/>
    </xf>
    <xf numFmtId="0" fontId="31" fillId="0" borderId="11" xfId="6" applyFont="1" applyBorder="1" applyAlignment="1">
      <alignment horizontal="center" vertical="center"/>
    </xf>
    <xf numFmtId="0" fontId="31" fillId="0" borderId="11" xfId="6" applyFont="1" applyBorder="1" applyAlignment="1">
      <alignment vertical="center" wrapText="1"/>
    </xf>
    <xf numFmtId="0" fontId="33" fillId="0" borderId="11" xfId="6" applyFont="1" applyBorder="1" applyAlignment="1">
      <alignment vertical="center" wrapText="1"/>
    </xf>
    <xf numFmtId="0" fontId="31" fillId="0" borderId="13" xfId="6" applyFont="1" applyBorder="1" applyAlignment="1">
      <alignment vertical="center" wrapText="1"/>
    </xf>
    <xf numFmtId="0" fontId="31" fillId="0" borderId="12" xfId="6" applyFont="1" applyBorder="1" applyAlignment="1">
      <alignment horizontal="right" vertical="center" wrapText="1"/>
    </xf>
    <xf numFmtId="0" fontId="35" fillId="0" borderId="0" xfId="0" applyFont="1" applyBorder="1">
      <alignment vertical="center"/>
    </xf>
    <xf numFmtId="0" fontId="34" fillId="0" borderId="0" xfId="0" applyFont="1" applyBorder="1">
      <alignment vertical="center"/>
    </xf>
    <xf numFmtId="0" fontId="37" fillId="0" borderId="0" xfId="0" applyFont="1" applyBorder="1">
      <alignment vertical="center"/>
    </xf>
    <xf numFmtId="0" fontId="31" fillId="0" borderId="0" xfId="0" applyFont="1" applyBorder="1" applyAlignment="1">
      <alignment horizontal="center" vertical="center"/>
    </xf>
    <xf numFmtId="0" fontId="31" fillId="0" borderId="0" xfId="0" applyFont="1" applyBorder="1">
      <alignment vertical="center"/>
    </xf>
    <xf numFmtId="177" fontId="31" fillId="0" borderId="0" xfId="0" applyNumberFormat="1" applyFont="1" applyFill="1" applyBorder="1" applyAlignment="1">
      <alignment horizontal="center" vertical="center"/>
    </xf>
    <xf numFmtId="0" fontId="31" fillId="0" borderId="0" xfId="0" applyFont="1" applyBorder="1" applyAlignment="1">
      <alignment vertical="center" wrapText="1"/>
    </xf>
    <xf numFmtId="177" fontId="31" fillId="0" borderId="13" xfId="0" applyNumberFormat="1" applyFont="1" applyFill="1" applyBorder="1" applyAlignment="1">
      <alignment horizontal="center" vertical="center"/>
    </xf>
    <xf numFmtId="0" fontId="31" fillId="0" borderId="13" xfId="0" applyFont="1" applyBorder="1" applyAlignment="1">
      <alignment vertical="center" wrapText="1"/>
    </xf>
    <xf numFmtId="0" fontId="31" fillId="0" borderId="13" xfId="0" applyFont="1" applyBorder="1" applyAlignment="1">
      <alignment horizontal="center" vertical="center" wrapText="1"/>
    </xf>
    <xf numFmtId="0" fontId="33" fillId="0" borderId="13" xfId="0" applyFont="1" applyFill="1" applyBorder="1" applyAlignment="1">
      <alignment horizontal="center" vertical="center" wrapText="1" shrinkToFit="1"/>
    </xf>
    <xf numFmtId="0" fontId="31" fillId="0" borderId="1" xfId="0" applyFont="1" applyBorder="1" applyAlignment="1">
      <alignment horizontal="center" vertical="center"/>
    </xf>
    <xf numFmtId="0" fontId="31" fillId="0" borderId="18" xfId="0" applyFont="1" applyBorder="1">
      <alignment vertical="center"/>
    </xf>
    <xf numFmtId="0" fontId="31" fillId="0" borderId="2" xfId="0" applyFont="1" applyBorder="1">
      <alignment vertical="center"/>
    </xf>
    <xf numFmtId="0" fontId="38" fillId="2" borderId="11" xfId="0" applyFont="1" applyFill="1" applyBorder="1" applyAlignment="1">
      <alignment horizontal="center" vertical="center"/>
    </xf>
    <xf numFmtId="177" fontId="31" fillId="0" borderId="11" xfId="0" applyNumberFormat="1" applyFont="1" applyFill="1" applyBorder="1" applyAlignment="1">
      <alignment horizontal="center" vertical="center"/>
    </xf>
    <xf numFmtId="0" fontId="31" fillId="0" borderId="11" xfId="0" applyFont="1" applyBorder="1" applyAlignment="1">
      <alignment vertical="center" wrapText="1"/>
    </xf>
    <xf numFmtId="0" fontId="31" fillId="0" borderId="6" xfId="0" applyFont="1" applyBorder="1" applyAlignment="1">
      <alignment horizontal="center" vertical="center"/>
    </xf>
    <xf numFmtId="0" fontId="31" fillId="0" borderId="3" xfId="0" applyFont="1" applyBorder="1" applyAlignment="1">
      <alignment horizontal="center" vertical="center"/>
    </xf>
    <xf numFmtId="0" fontId="31" fillId="0" borderId="11" xfId="0" applyFont="1" applyBorder="1" applyAlignment="1">
      <alignment horizontal="center" vertical="center"/>
    </xf>
    <xf numFmtId="0" fontId="31" fillId="0" borderId="12" xfId="0" applyFont="1" applyBorder="1" applyAlignment="1">
      <alignment horizontal="center" vertical="center"/>
    </xf>
    <xf numFmtId="0" fontId="31" fillId="0" borderId="8" xfId="0" applyFont="1" applyBorder="1">
      <alignment vertical="center"/>
    </xf>
    <xf numFmtId="0" fontId="31" fillId="0" borderId="8" xfId="0" applyFont="1" applyBorder="1" applyAlignment="1">
      <alignment horizontal="center" vertical="center"/>
    </xf>
    <xf numFmtId="177" fontId="31" fillId="0" borderId="8" xfId="0" applyNumberFormat="1" applyFont="1" applyFill="1" applyBorder="1" applyAlignment="1">
      <alignment horizontal="center" vertical="center"/>
    </xf>
    <xf numFmtId="0" fontId="31" fillId="0" borderId="8" xfId="0" applyFont="1" applyBorder="1" applyAlignment="1">
      <alignment vertical="center" wrapText="1"/>
    </xf>
    <xf numFmtId="0" fontId="31" fillId="0" borderId="14" xfId="0" applyFont="1" applyBorder="1">
      <alignment vertical="center"/>
    </xf>
    <xf numFmtId="0" fontId="31" fillId="0" borderId="4" xfId="0" applyFont="1" applyBorder="1">
      <alignment vertical="center"/>
    </xf>
    <xf numFmtId="0" fontId="38" fillId="2" borderId="12" xfId="0" applyFont="1" applyFill="1" applyBorder="1" applyAlignment="1">
      <alignment horizontal="center" vertical="center"/>
    </xf>
    <xf numFmtId="0" fontId="33" fillId="0" borderId="14" xfId="0" applyFont="1" applyFill="1" applyBorder="1" applyAlignment="1" applyProtection="1">
      <alignment horizontal="center" vertical="center"/>
    </xf>
    <xf numFmtId="177" fontId="31" fillId="0" borderId="12" xfId="0" applyNumberFormat="1" applyFont="1" applyFill="1" applyBorder="1" applyAlignment="1">
      <alignment horizontal="center" vertical="center"/>
    </xf>
    <xf numFmtId="0" fontId="31" fillId="0" borderId="11" xfId="0" applyFont="1" applyBorder="1" applyAlignment="1">
      <alignment horizontal="left" vertical="center" wrapText="1" indent="1"/>
    </xf>
    <xf numFmtId="0" fontId="33" fillId="0" borderId="4" xfId="0" applyFont="1" applyFill="1" applyBorder="1" applyAlignment="1" applyProtection="1">
      <alignment horizontal="center" vertical="center"/>
    </xf>
    <xf numFmtId="0" fontId="31" fillId="0" borderId="10" xfId="0" applyFont="1" applyBorder="1" applyAlignment="1">
      <alignment horizontal="center" vertical="center"/>
    </xf>
    <xf numFmtId="0" fontId="31" fillId="0" borderId="11" xfId="0" applyFont="1" applyBorder="1" applyAlignment="1">
      <alignment horizontal="right" vertical="center" wrapText="1"/>
    </xf>
    <xf numFmtId="0" fontId="31" fillId="0" borderId="12" xfId="0" applyFont="1" applyBorder="1" applyAlignment="1">
      <alignment horizontal="right" vertical="center" wrapText="1"/>
    </xf>
    <xf numFmtId="0" fontId="31" fillId="0" borderId="10" xfId="0" applyFont="1" applyBorder="1">
      <alignment vertical="center"/>
    </xf>
    <xf numFmtId="0" fontId="31" fillId="0" borderId="5" xfId="0" applyFont="1" applyBorder="1">
      <alignment vertical="center"/>
    </xf>
    <xf numFmtId="0" fontId="31" fillId="0" borderId="15" xfId="0" applyFont="1" applyBorder="1" applyAlignment="1">
      <alignment vertical="center" wrapText="1"/>
    </xf>
    <xf numFmtId="0" fontId="33" fillId="0" borderId="14" xfId="0" applyFont="1" applyFill="1" applyBorder="1" applyAlignment="1">
      <alignment horizontal="center" vertical="center"/>
    </xf>
    <xf numFmtId="0" fontId="31" fillId="0" borderId="6" xfId="0" applyFont="1" applyBorder="1" applyAlignment="1">
      <alignment vertical="center" wrapText="1"/>
    </xf>
    <xf numFmtId="0" fontId="31" fillId="0" borderId="6" xfId="0" applyFont="1" applyBorder="1" applyAlignment="1">
      <alignment horizontal="left" vertical="center" wrapText="1" indent="1"/>
    </xf>
    <xf numFmtId="0" fontId="33" fillId="0" borderId="0" xfId="0" applyFont="1" applyFill="1" applyBorder="1" applyAlignment="1" applyProtection="1">
      <alignment horizontal="center" vertical="center"/>
    </xf>
    <xf numFmtId="0" fontId="33" fillId="0" borderId="11" xfId="0" applyFont="1" applyFill="1" applyBorder="1" applyAlignment="1">
      <alignment horizontal="center" vertical="center"/>
    </xf>
    <xf numFmtId="0" fontId="9" fillId="0" borderId="0" xfId="7" applyFont="1">
      <alignment vertical="center" wrapText="1"/>
    </xf>
    <xf numFmtId="0" fontId="32" fillId="0" borderId="12" xfId="0" applyFont="1" applyBorder="1">
      <alignment vertical="center"/>
    </xf>
    <xf numFmtId="0" fontId="32" fillId="0" borderId="10" xfId="0" applyFont="1" applyBorder="1">
      <alignment vertical="center"/>
    </xf>
    <xf numFmtId="0" fontId="33" fillId="0" borderId="0" xfId="0" applyFont="1" applyFill="1" applyAlignment="1">
      <alignment horizontal="left" vertical="center" indent="7"/>
    </xf>
    <xf numFmtId="0" fontId="33" fillId="0" borderId="0" xfId="2" applyFont="1" applyFill="1" applyAlignment="1" applyProtection="1">
      <alignment horizontal="left" vertical="center" indent="7"/>
    </xf>
    <xf numFmtId="0" fontId="6" fillId="3" borderId="19" xfId="0" applyFont="1" applyFill="1" applyBorder="1" applyAlignment="1">
      <alignment horizontal="center" vertical="center" wrapText="1"/>
    </xf>
    <xf numFmtId="0" fontId="32" fillId="0" borderId="0" xfId="0" applyFont="1" applyBorder="1" applyAlignment="1">
      <alignment vertical="center" wrapText="1"/>
    </xf>
    <xf numFmtId="0" fontId="32" fillId="3" borderId="24" xfId="0" applyFont="1" applyFill="1" applyBorder="1" applyAlignment="1">
      <alignment horizontal="center" vertical="center"/>
    </xf>
    <xf numFmtId="0" fontId="32" fillId="0" borderId="1" xfId="0" applyFont="1" applyBorder="1">
      <alignment vertical="center"/>
    </xf>
    <xf numFmtId="0" fontId="32" fillId="0" borderId="22" xfId="0" applyFont="1" applyBorder="1" applyAlignment="1">
      <alignment vertical="center" wrapText="1"/>
    </xf>
    <xf numFmtId="0" fontId="29" fillId="0" borderId="0" xfId="0" applyFont="1" applyBorder="1" applyAlignment="1">
      <alignment horizontal="right" vertical="center"/>
    </xf>
    <xf numFmtId="0" fontId="32" fillId="0" borderId="0" xfId="0" applyFont="1" applyBorder="1" applyAlignment="1">
      <alignment horizontal="center" vertical="center"/>
    </xf>
    <xf numFmtId="0" fontId="32" fillId="0" borderId="23" xfId="0" applyFont="1" applyFill="1" applyBorder="1" applyAlignment="1">
      <alignment vertical="center" wrapText="1"/>
    </xf>
    <xf numFmtId="0" fontId="32" fillId="0" borderId="22" xfId="0" applyFont="1" applyFill="1" applyBorder="1" applyAlignment="1">
      <alignment vertical="center" wrapText="1"/>
    </xf>
    <xf numFmtId="0" fontId="32" fillId="0" borderId="5" xfId="0" applyFont="1" applyFill="1" applyBorder="1" applyAlignment="1">
      <alignment vertical="center" wrapText="1"/>
    </xf>
    <xf numFmtId="0" fontId="32" fillId="0" borderId="27" xfId="0" applyFont="1" applyFill="1" applyBorder="1" applyAlignment="1">
      <alignment vertical="center" wrapText="1"/>
    </xf>
    <xf numFmtId="0" fontId="32" fillId="0" borderId="4" xfId="0" applyFont="1" applyFill="1" applyBorder="1" applyAlignment="1">
      <alignment vertical="center" wrapText="1"/>
    </xf>
    <xf numFmtId="0" fontId="32" fillId="0" borderId="0" xfId="0" applyFont="1" applyFill="1">
      <alignment vertical="center"/>
    </xf>
    <xf numFmtId="0" fontId="33" fillId="0" borderId="9" xfId="0" applyFont="1" applyFill="1" applyBorder="1" applyAlignment="1" applyProtection="1">
      <alignment horizontal="center" vertical="center"/>
      <protection locked="0"/>
    </xf>
    <xf numFmtId="0" fontId="32" fillId="0" borderId="26" xfId="0" applyFont="1" applyFill="1" applyBorder="1" applyAlignment="1">
      <alignment horizontal="center" vertical="center" wrapText="1"/>
    </xf>
    <xf numFmtId="0" fontId="32" fillId="0" borderId="9" xfId="0" applyFont="1" applyFill="1" applyBorder="1" applyAlignment="1">
      <alignment horizontal="center" vertical="center" wrapText="1"/>
    </xf>
    <xf numFmtId="0" fontId="33" fillId="0" borderId="0" xfId="0" applyFont="1" applyFill="1" applyAlignment="1" applyProtection="1">
      <alignment horizontal="left" vertical="center"/>
      <protection locked="0"/>
    </xf>
    <xf numFmtId="176" fontId="33" fillId="0" borderId="5" xfId="0" applyNumberFormat="1" applyFont="1" applyFill="1" applyBorder="1" applyAlignment="1" applyProtection="1">
      <alignment horizontal="left" vertical="center" shrinkToFit="1"/>
      <protection locked="0"/>
    </xf>
    <xf numFmtId="0" fontId="33" fillId="0" borderId="5" xfId="0" applyFont="1" applyFill="1" applyBorder="1" applyAlignment="1" applyProtection="1">
      <alignment horizontal="left" vertical="center" shrinkToFit="1"/>
      <protection locked="0"/>
    </xf>
    <xf numFmtId="0" fontId="45" fillId="0" borderId="0" xfId="0" applyFont="1" applyBorder="1" applyAlignment="1">
      <alignment vertical="center"/>
    </xf>
    <xf numFmtId="0" fontId="32" fillId="0" borderId="29" xfId="0" applyFont="1" applyFill="1" applyBorder="1" applyAlignment="1">
      <alignment vertical="center" wrapText="1"/>
    </xf>
    <xf numFmtId="0" fontId="32" fillId="0" borderId="30" xfId="0" applyFont="1" applyFill="1" applyBorder="1" applyAlignment="1">
      <alignment vertical="center" wrapText="1"/>
    </xf>
    <xf numFmtId="0" fontId="32" fillId="0" borderId="26" xfId="0" applyFont="1" applyFill="1" applyBorder="1" applyAlignment="1">
      <alignment vertical="center" wrapText="1"/>
    </xf>
    <xf numFmtId="0" fontId="32" fillId="0" borderId="30" xfId="0" applyFont="1" applyBorder="1" applyAlignment="1">
      <alignment vertical="center" wrapText="1"/>
    </xf>
    <xf numFmtId="0" fontId="32" fillId="0" borderId="9" xfId="0" applyFont="1" applyFill="1" applyBorder="1" applyAlignment="1">
      <alignment vertical="center" wrapText="1"/>
    </xf>
    <xf numFmtId="0" fontId="32" fillId="0" borderId="30"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29" xfId="0" applyFont="1" applyFill="1" applyBorder="1" applyAlignment="1">
      <alignment horizontal="center" vertical="center" wrapText="1"/>
    </xf>
    <xf numFmtId="0" fontId="32" fillId="0" borderId="30" xfId="0" applyFont="1" applyBorder="1" applyAlignment="1">
      <alignment horizontal="center" vertical="center" wrapText="1"/>
    </xf>
    <xf numFmtId="0" fontId="32" fillId="0" borderId="27" xfId="0" applyFont="1" applyFill="1" applyBorder="1" applyAlignment="1">
      <alignment horizontal="center" vertical="center" wrapText="1"/>
    </xf>
    <xf numFmtId="0" fontId="32" fillId="0" borderId="12" xfId="6" applyFont="1" applyBorder="1" applyAlignment="1">
      <alignment horizontal="center" vertical="center"/>
    </xf>
    <xf numFmtId="0" fontId="32" fillId="0" borderId="0" xfId="0" applyFont="1" applyBorder="1" applyAlignment="1">
      <alignment horizontal="center" vertical="center" wrapText="1"/>
    </xf>
    <xf numFmtId="0" fontId="32" fillId="0" borderId="21" xfId="0" applyFont="1" applyBorder="1" applyAlignment="1">
      <alignment horizontal="center" vertical="center" wrapText="1"/>
    </xf>
    <xf numFmtId="0" fontId="32" fillId="0" borderId="22" xfId="1" applyFont="1" applyFill="1" applyBorder="1" applyAlignment="1">
      <alignment horizontal="center" vertical="center" wrapText="1"/>
    </xf>
    <xf numFmtId="0" fontId="32" fillId="0" borderId="22" xfId="0" applyFont="1" applyFill="1" applyBorder="1" applyAlignment="1">
      <alignment horizontal="center" vertical="center" wrapText="1"/>
    </xf>
    <xf numFmtId="0" fontId="32" fillId="0" borderId="23"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32" fillId="0" borderId="0" xfId="0" applyFont="1" applyFill="1" applyAlignment="1">
      <alignment horizontal="center" vertical="center"/>
    </xf>
    <xf numFmtId="0" fontId="33" fillId="0" borderId="9" xfId="0" applyFont="1" applyFill="1" applyBorder="1" applyAlignment="1" applyProtection="1">
      <alignment horizontal="center" vertical="center"/>
      <protection locked="0"/>
    </xf>
    <xf numFmtId="0" fontId="22" fillId="2" borderId="11" xfId="0" applyFont="1" applyFill="1" applyBorder="1" applyAlignment="1">
      <alignment horizontal="center" vertical="center" wrapText="1"/>
    </xf>
    <xf numFmtId="0" fontId="31" fillId="0" borderId="11" xfId="0" applyFont="1" applyBorder="1" applyAlignment="1">
      <alignment horizontal="center" vertical="center" wrapText="1"/>
    </xf>
    <xf numFmtId="0" fontId="6" fillId="0" borderId="0" xfId="0" applyFont="1">
      <alignment vertical="center"/>
    </xf>
    <xf numFmtId="0" fontId="6" fillId="0" borderId="0" xfId="0" applyFont="1" applyBorder="1">
      <alignment vertical="center"/>
    </xf>
    <xf numFmtId="0" fontId="6" fillId="0" borderId="0" xfId="0" applyFont="1" applyBorder="1" applyAlignment="1">
      <alignment vertical="center" wrapText="1"/>
    </xf>
    <xf numFmtId="0" fontId="53" fillId="0" borderId="0" xfId="0" applyFont="1" applyBorder="1">
      <alignment vertical="center"/>
    </xf>
    <xf numFmtId="0" fontId="6" fillId="3" borderId="13" xfId="0" applyFont="1" applyFill="1" applyBorder="1" applyAlignment="1">
      <alignment horizontal="center" vertical="center"/>
    </xf>
    <xf numFmtId="0" fontId="6" fillId="3" borderId="17" xfId="0" applyFont="1" applyFill="1" applyBorder="1" applyAlignment="1">
      <alignment horizontal="center" vertical="center"/>
    </xf>
    <xf numFmtId="0" fontId="6" fillId="3" borderId="17" xfId="0" applyFont="1" applyFill="1" applyBorder="1" applyAlignment="1">
      <alignment horizontal="center" vertical="center" wrapText="1"/>
    </xf>
    <xf numFmtId="0" fontId="6" fillId="0" borderId="23" xfId="0" applyFont="1" applyFill="1" applyBorder="1" applyAlignment="1">
      <alignment vertical="center" wrapText="1"/>
    </xf>
    <xf numFmtId="0" fontId="6" fillId="0" borderId="29" xfId="0" applyFont="1" applyFill="1" applyBorder="1" applyAlignment="1">
      <alignment vertical="center" wrapText="1"/>
    </xf>
    <xf numFmtId="0" fontId="6" fillId="0" borderId="22" xfId="1" applyFont="1" applyFill="1" applyBorder="1" applyAlignment="1">
      <alignment horizontal="center" vertical="center" wrapText="1"/>
    </xf>
    <xf numFmtId="0" fontId="6" fillId="0" borderId="22" xfId="1" applyFont="1" applyFill="1" applyBorder="1" applyAlignment="1">
      <alignment vertical="center" wrapText="1"/>
    </xf>
    <xf numFmtId="0" fontId="6" fillId="0" borderId="30" xfId="0" applyFont="1" applyFill="1" applyBorder="1" applyAlignment="1">
      <alignment vertical="center" wrapText="1"/>
    </xf>
    <xf numFmtId="0" fontId="6" fillId="0" borderId="22" xfId="0" applyFont="1" applyFill="1" applyBorder="1" applyAlignment="1">
      <alignment horizontal="center" vertical="center" wrapText="1"/>
    </xf>
    <xf numFmtId="0" fontId="6" fillId="0" borderId="22" xfId="0" applyFont="1" applyFill="1" applyBorder="1" applyAlignment="1">
      <alignment vertical="center" wrapText="1"/>
    </xf>
    <xf numFmtId="0" fontId="6" fillId="0" borderId="27" xfId="0" applyFont="1" applyFill="1" applyBorder="1" applyAlignment="1">
      <alignment horizontal="center" vertical="center" wrapText="1"/>
    </xf>
    <xf numFmtId="0" fontId="6" fillId="0" borderId="27" xfId="0" applyFont="1" applyFill="1" applyBorder="1" applyAlignment="1">
      <alignment vertical="center" wrapText="1"/>
    </xf>
    <xf numFmtId="0" fontId="6" fillId="0" borderId="26" xfId="0" applyFont="1" applyFill="1" applyBorder="1" applyAlignment="1">
      <alignment vertical="center" wrapText="1"/>
    </xf>
    <xf numFmtId="0" fontId="6" fillId="0" borderId="5" xfId="0" applyFont="1" applyFill="1" applyBorder="1" applyAlignment="1">
      <alignment horizontal="center" vertical="center" wrapText="1"/>
    </xf>
    <xf numFmtId="0" fontId="6" fillId="0" borderId="5" xfId="0" applyFont="1" applyFill="1" applyBorder="1" applyAlignment="1">
      <alignment vertical="center" wrapText="1"/>
    </xf>
    <xf numFmtId="0" fontId="6" fillId="0" borderId="23" xfId="0" applyFont="1" applyFill="1" applyBorder="1" applyAlignment="1">
      <alignment horizontal="center" vertical="center" wrapText="1"/>
    </xf>
    <xf numFmtId="0" fontId="6" fillId="0" borderId="4" xfId="0" applyFont="1" applyFill="1" applyBorder="1" applyAlignment="1">
      <alignment horizontal="center" vertical="center" wrapText="1"/>
    </xf>
    <xf numFmtId="0" fontId="6" fillId="0" borderId="4" xfId="0" applyFont="1" applyFill="1" applyBorder="1" applyAlignment="1">
      <alignment vertical="center" wrapText="1"/>
    </xf>
    <xf numFmtId="0" fontId="6" fillId="0" borderId="0" xfId="0" applyFont="1" applyFill="1">
      <alignment vertical="center"/>
    </xf>
    <xf numFmtId="0" fontId="6" fillId="0" borderId="1" xfId="0" applyFont="1" applyFill="1" applyBorder="1">
      <alignment vertical="center"/>
    </xf>
    <xf numFmtId="0" fontId="6" fillId="0" borderId="21" xfId="0" applyFont="1" applyFill="1" applyBorder="1" applyAlignment="1">
      <alignment horizontal="center" vertical="center" wrapText="1"/>
    </xf>
    <xf numFmtId="0" fontId="6" fillId="0" borderId="21" xfId="0" applyFont="1" applyFill="1" applyBorder="1" applyAlignment="1">
      <alignment vertical="center" wrapText="1"/>
    </xf>
    <xf numFmtId="0" fontId="6" fillId="0" borderId="31" xfId="0" applyFont="1" applyFill="1" applyBorder="1">
      <alignment vertical="center"/>
    </xf>
    <xf numFmtId="0" fontId="6" fillId="0" borderId="12" xfId="0" applyFont="1" applyFill="1" applyBorder="1">
      <alignment vertical="center"/>
    </xf>
    <xf numFmtId="0" fontId="6" fillId="0" borderId="10" xfId="0" applyFont="1" applyFill="1" applyBorder="1">
      <alignment vertical="center"/>
    </xf>
    <xf numFmtId="0" fontId="6" fillId="0" borderId="27" xfId="0" applyFont="1" applyFill="1" applyBorder="1" applyAlignment="1">
      <alignment horizontal="left" vertical="center" wrapText="1"/>
    </xf>
    <xf numFmtId="0" fontId="6" fillId="0" borderId="12" xfId="8" applyFont="1" applyFill="1" applyBorder="1" applyAlignment="1">
      <alignment horizontal="center" vertical="center"/>
    </xf>
    <xf numFmtId="0" fontId="6" fillId="0" borderId="22" xfId="0" applyFont="1" applyFill="1" applyBorder="1" applyAlignment="1">
      <alignment vertical="top" wrapText="1"/>
    </xf>
    <xf numFmtId="0" fontId="13" fillId="0" borderId="0" xfId="6" applyFont="1" applyBorder="1" applyAlignment="1">
      <alignment horizontal="left" vertical="center" wrapText="1"/>
    </xf>
    <xf numFmtId="0" fontId="33" fillId="0" borderId="9" xfId="0" applyFont="1" applyFill="1" applyBorder="1" applyAlignment="1" applyProtection="1">
      <alignment horizontal="center" vertical="center"/>
      <protection locked="0"/>
    </xf>
    <xf numFmtId="0" fontId="33" fillId="0" borderId="7" xfId="0" applyFont="1" applyFill="1" applyBorder="1" applyAlignment="1" applyProtection="1">
      <alignment horizontal="left" vertical="center" shrinkToFit="1"/>
      <protection locked="0"/>
    </xf>
    <xf numFmtId="0" fontId="56" fillId="0" borderId="5" xfId="0" applyFont="1" applyFill="1" applyBorder="1" applyAlignment="1" applyProtection="1">
      <alignment horizontal="left" vertical="center" shrinkToFit="1"/>
      <protection locked="0"/>
    </xf>
    <xf numFmtId="0" fontId="33" fillId="0" borderId="9" xfId="0" applyFont="1" applyFill="1" applyBorder="1" applyAlignment="1" applyProtection="1">
      <alignment horizontal="center" vertical="center"/>
      <protection locked="0"/>
    </xf>
    <xf numFmtId="0" fontId="53" fillId="0" borderId="0" xfId="0" applyFont="1">
      <alignment vertical="center"/>
    </xf>
    <xf numFmtId="0" fontId="61" fillId="0" borderId="0" xfId="0" applyFont="1">
      <alignment vertical="center"/>
    </xf>
    <xf numFmtId="0" fontId="33" fillId="0" borderId="0" xfId="0" applyFont="1">
      <alignment vertical="center"/>
    </xf>
    <xf numFmtId="0" fontId="16" fillId="0" borderId="0" xfId="0" applyFont="1">
      <alignment vertical="center"/>
    </xf>
    <xf numFmtId="0" fontId="12" fillId="0" borderId="0" xfId="0" applyFont="1">
      <alignment vertical="center"/>
    </xf>
    <xf numFmtId="0" fontId="53" fillId="0" borderId="0" xfId="6" applyFont="1" applyBorder="1">
      <alignment vertical="center"/>
    </xf>
    <xf numFmtId="0" fontId="36" fillId="0" borderId="0" xfId="6" applyFont="1" applyBorder="1">
      <alignment vertical="center"/>
    </xf>
    <xf numFmtId="0" fontId="16" fillId="0" borderId="0" xfId="6" applyFont="1" applyBorder="1">
      <alignment vertical="center"/>
    </xf>
    <xf numFmtId="0" fontId="33" fillId="0" borderId="0" xfId="6" applyFont="1" applyBorder="1">
      <alignment vertical="center"/>
    </xf>
    <xf numFmtId="0" fontId="33" fillId="0" borderId="0" xfId="6" applyFont="1" applyBorder="1" applyAlignment="1">
      <alignment horizontal="center" vertical="center"/>
    </xf>
    <xf numFmtId="0" fontId="33" fillId="0" borderId="0" xfId="6" applyFont="1" applyBorder="1" applyAlignment="1">
      <alignment vertical="center" wrapText="1"/>
    </xf>
    <xf numFmtId="0" fontId="12" fillId="0" borderId="0" xfId="6" applyFont="1" applyBorder="1">
      <alignment vertical="center"/>
    </xf>
    <xf numFmtId="0" fontId="12" fillId="0" borderId="10" xfId="6" applyFont="1" applyBorder="1" applyAlignment="1">
      <alignment horizontal="center" vertical="center"/>
    </xf>
    <xf numFmtId="0" fontId="53" fillId="0" borderId="0" xfId="6" applyFont="1">
      <alignment vertical="center"/>
    </xf>
    <xf numFmtId="0" fontId="36" fillId="0" borderId="0" xfId="6" applyFont="1">
      <alignment vertical="center"/>
    </xf>
    <xf numFmtId="0" fontId="33" fillId="0" borderId="0" xfId="6" applyFont="1">
      <alignment vertical="center"/>
    </xf>
    <xf numFmtId="0" fontId="33" fillId="0" borderId="11" xfId="6" applyFont="1" applyBorder="1" applyAlignment="1">
      <alignment horizontal="center" vertical="center"/>
    </xf>
    <xf numFmtId="0" fontId="14" fillId="0" borderId="0" xfId="6" applyFont="1" applyBorder="1" applyAlignment="1">
      <alignment horizontal="left" vertical="center" wrapText="1"/>
    </xf>
    <xf numFmtId="0" fontId="36" fillId="0" borderId="0" xfId="0" applyFont="1" applyBorder="1">
      <alignment vertical="center"/>
    </xf>
    <xf numFmtId="0" fontId="33" fillId="0" borderId="6" xfId="0" applyFont="1" applyBorder="1" applyAlignment="1">
      <alignment horizontal="center" vertical="center"/>
    </xf>
    <xf numFmtId="0" fontId="33" fillId="0" borderId="8" xfId="0" applyFont="1" applyBorder="1">
      <alignment vertical="center"/>
    </xf>
    <xf numFmtId="0" fontId="33" fillId="0" borderId="8" xfId="0" applyFont="1" applyBorder="1" applyAlignment="1">
      <alignment horizontal="center" vertical="center"/>
    </xf>
    <xf numFmtId="177" fontId="33" fillId="0" borderId="8" xfId="0" applyNumberFormat="1" applyFont="1" applyFill="1" applyBorder="1" applyAlignment="1">
      <alignment horizontal="center" vertical="center"/>
    </xf>
    <xf numFmtId="0" fontId="33" fillId="0" borderId="8" xfId="0" applyFont="1" applyBorder="1" applyAlignment="1">
      <alignment vertical="center" wrapText="1"/>
    </xf>
    <xf numFmtId="0" fontId="33" fillId="0" borderId="0" xfId="0" applyFont="1" applyBorder="1">
      <alignment vertical="center"/>
    </xf>
    <xf numFmtId="0" fontId="33" fillId="0" borderId="1" xfId="0" applyFont="1" applyBorder="1" applyAlignment="1">
      <alignment horizontal="center" vertical="center"/>
    </xf>
    <xf numFmtId="0" fontId="33" fillId="0" borderId="2" xfId="0" applyFont="1" applyBorder="1">
      <alignment vertical="center"/>
    </xf>
    <xf numFmtId="0" fontId="33" fillId="0" borderId="12" xfId="0" applyFont="1" applyBorder="1" applyAlignment="1">
      <alignment horizontal="center" vertical="center"/>
    </xf>
    <xf numFmtId="177" fontId="33" fillId="0" borderId="12" xfId="0" applyNumberFormat="1" applyFont="1" applyFill="1" applyBorder="1" applyAlignment="1">
      <alignment horizontal="center" vertical="center"/>
    </xf>
    <xf numFmtId="0" fontId="33" fillId="0" borderId="6" xfId="0" applyFont="1" applyBorder="1" applyAlignment="1">
      <alignment horizontal="left" vertical="center" wrapText="1"/>
    </xf>
    <xf numFmtId="0" fontId="16" fillId="0" borderId="0" xfId="0" applyFont="1" applyBorder="1">
      <alignment vertical="center"/>
    </xf>
    <xf numFmtId="0" fontId="12" fillId="0" borderId="1" xfId="0" applyFont="1" applyBorder="1" applyAlignment="1">
      <alignment horizontal="center" vertical="center"/>
    </xf>
    <xf numFmtId="0" fontId="12" fillId="0" borderId="2" xfId="0" applyFont="1" applyBorder="1">
      <alignment vertical="center"/>
    </xf>
    <xf numFmtId="0" fontId="12" fillId="0" borderId="12" xfId="0" applyFont="1" applyBorder="1" applyAlignment="1">
      <alignment horizontal="center" vertical="center"/>
    </xf>
    <xf numFmtId="177" fontId="12" fillId="0" borderId="10" xfId="0" applyNumberFormat="1" applyFont="1" applyFill="1" applyBorder="1" applyAlignment="1">
      <alignment horizontal="center" vertical="center"/>
    </xf>
    <xf numFmtId="0" fontId="12" fillId="0" borderId="1" xfId="0" applyFont="1" applyBorder="1" applyAlignment="1" applyProtection="1">
      <alignment horizontal="center" vertical="center" wrapText="1"/>
      <protection locked="0"/>
    </xf>
    <xf numFmtId="177" fontId="33" fillId="0" borderId="11" xfId="0" applyNumberFormat="1" applyFont="1" applyFill="1" applyBorder="1" applyAlignment="1">
      <alignment horizontal="center" vertical="center"/>
    </xf>
    <xf numFmtId="0" fontId="33" fillId="0" borderId="6" xfId="0" applyFont="1" applyBorder="1" applyAlignment="1">
      <alignment vertical="center" wrapText="1"/>
    </xf>
    <xf numFmtId="0" fontId="12" fillId="0" borderId="3" xfId="0" applyFont="1" applyBorder="1" applyAlignment="1">
      <alignment vertical="center" wrapText="1"/>
    </xf>
    <xf numFmtId="0" fontId="33" fillId="0" borderId="11" xfId="0" applyFont="1" applyBorder="1" applyAlignment="1">
      <alignment horizontal="center" vertical="center" wrapText="1"/>
    </xf>
    <xf numFmtId="0" fontId="7" fillId="0" borderId="8" xfId="0" applyFont="1" applyFill="1" applyBorder="1">
      <alignment vertical="center"/>
    </xf>
    <xf numFmtId="0" fontId="33" fillId="0" borderId="8" xfId="0" applyFont="1" applyFill="1" applyBorder="1" applyAlignment="1">
      <alignment horizontal="center" vertical="center"/>
    </xf>
    <xf numFmtId="0" fontId="33" fillId="0" borderId="8" xfId="0" applyFont="1" applyFill="1" applyBorder="1" applyAlignment="1">
      <alignment vertical="center" wrapText="1"/>
    </xf>
    <xf numFmtId="0" fontId="33" fillId="0" borderId="1" xfId="0" applyFont="1" applyFill="1" applyBorder="1" applyAlignment="1">
      <alignment horizontal="center" vertical="center"/>
    </xf>
    <xf numFmtId="0" fontId="33" fillId="0" borderId="2" xfId="0" applyFont="1" applyFill="1" applyBorder="1">
      <alignment vertical="center"/>
    </xf>
    <xf numFmtId="0" fontId="33" fillId="0" borderId="6" xfId="0" applyFont="1" applyFill="1" applyBorder="1" applyAlignment="1">
      <alignment vertical="center" wrapText="1"/>
    </xf>
    <xf numFmtId="0" fontId="33" fillId="0" borderId="11" xfId="0" applyFont="1" applyBorder="1" applyAlignment="1">
      <alignment horizontal="center" vertical="center"/>
    </xf>
    <xf numFmtId="0" fontId="12" fillId="0" borderId="1" xfId="0" applyFont="1" applyFill="1" applyBorder="1" applyAlignment="1">
      <alignment horizontal="center" vertical="center"/>
    </xf>
    <xf numFmtId="0" fontId="12" fillId="0" borderId="2" xfId="0" applyFont="1" applyFill="1" applyBorder="1">
      <alignment vertical="center"/>
    </xf>
    <xf numFmtId="0" fontId="12" fillId="0" borderId="12" xfId="0" applyFont="1" applyFill="1" applyBorder="1" applyAlignment="1">
      <alignment horizontal="center" vertical="center"/>
    </xf>
    <xf numFmtId="177" fontId="12" fillId="0" borderId="12" xfId="0" applyNumberFormat="1" applyFont="1" applyFill="1" applyBorder="1" applyAlignment="1">
      <alignment horizontal="center" vertical="center"/>
    </xf>
    <xf numFmtId="0" fontId="12" fillId="0" borderId="3" xfId="0" applyFont="1" applyFill="1" applyBorder="1" applyAlignment="1">
      <alignment vertical="top" wrapText="1"/>
    </xf>
    <xf numFmtId="0" fontId="33" fillId="0" borderId="12" xfId="0" applyFont="1" applyFill="1" applyBorder="1" applyAlignment="1">
      <alignment horizontal="center" vertical="center"/>
    </xf>
    <xf numFmtId="0" fontId="33" fillId="0" borderId="6" xfId="0" applyFont="1" applyFill="1" applyBorder="1" applyAlignment="1">
      <alignment horizontal="left" vertical="center" wrapText="1"/>
    </xf>
    <xf numFmtId="0" fontId="12" fillId="0" borderId="3" xfId="0" applyFont="1" applyFill="1" applyBorder="1" applyAlignment="1">
      <alignment horizontal="center" vertical="center"/>
    </xf>
    <xf numFmtId="0" fontId="12" fillId="0" borderId="4" xfId="0" applyFont="1" applyFill="1" applyBorder="1">
      <alignment vertical="center"/>
    </xf>
    <xf numFmtId="0" fontId="12" fillId="0" borderId="10" xfId="0" applyFont="1" applyFill="1" applyBorder="1" applyAlignment="1">
      <alignment horizontal="center" vertical="center"/>
    </xf>
    <xf numFmtId="0" fontId="12" fillId="0" borderId="3" xfId="0" applyFont="1" applyFill="1" applyBorder="1" applyAlignment="1" applyProtection="1">
      <alignment horizontal="center" vertical="center" wrapText="1"/>
      <protection locked="0"/>
    </xf>
    <xf numFmtId="0" fontId="33" fillId="0" borderId="0" xfId="0" applyFont="1" applyBorder="1" applyAlignment="1">
      <alignment horizontal="center" vertical="center"/>
    </xf>
    <xf numFmtId="177" fontId="33" fillId="0" borderId="0" xfId="0" applyNumberFormat="1" applyFont="1" applyFill="1" applyBorder="1" applyAlignment="1">
      <alignment horizontal="center" vertical="center"/>
    </xf>
    <xf numFmtId="0" fontId="33" fillId="0" borderId="0" xfId="0" applyFont="1" applyBorder="1" applyAlignment="1">
      <alignment vertical="center" wrapText="1"/>
    </xf>
    <xf numFmtId="0" fontId="6" fillId="0" borderId="12" xfId="0" applyFont="1" applyBorder="1">
      <alignment vertical="center"/>
    </xf>
    <xf numFmtId="0" fontId="6" fillId="0" borderId="22" xfId="0" applyFont="1" applyBorder="1" applyAlignment="1">
      <alignment vertical="center" wrapText="1"/>
    </xf>
    <xf numFmtId="0" fontId="6" fillId="0" borderId="30" xfId="0" applyFont="1" applyBorder="1" applyAlignment="1">
      <alignment horizontal="center" vertical="center" wrapText="1"/>
    </xf>
    <xf numFmtId="0" fontId="6" fillId="0" borderId="30" xfId="0" applyFont="1" applyBorder="1" applyAlignment="1">
      <alignment vertical="center" wrapText="1"/>
    </xf>
    <xf numFmtId="0" fontId="6" fillId="0" borderId="30" xfId="0" applyFont="1" applyFill="1" applyBorder="1" applyAlignment="1">
      <alignment horizontal="center" vertical="center" wrapText="1"/>
    </xf>
    <xf numFmtId="0" fontId="6" fillId="0" borderId="10" xfId="0" applyFont="1" applyBorder="1">
      <alignment vertical="center"/>
    </xf>
    <xf numFmtId="0" fontId="6" fillId="0" borderId="26" xfId="0" applyFont="1" applyFill="1" applyBorder="1" applyAlignment="1">
      <alignment horizontal="center" vertical="center" wrapText="1"/>
    </xf>
    <xf numFmtId="0" fontId="6" fillId="0" borderId="1" xfId="0" applyFont="1" applyBorder="1">
      <alignment vertical="center"/>
    </xf>
    <xf numFmtId="0" fontId="6" fillId="0" borderId="29" xfId="0" applyFont="1" applyFill="1" applyBorder="1" applyAlignment="1">
      <alignment horizontal="center" vertical="center" wrapText="1"/>
    </xf>
    <xf numFmtId="0" fontId="32" fillId="0" borderId="0" xfId="9" applyFont="1">
      <alignment vertical="center"/>
    </xf>
    <xf numFmtId="0" fontId="35" fillId="0" borderId="0" xfId="9" applyFont="1">
      <alignment vertical="center"/>
    </xf>
    <xf numFmtId="0" fontId="53" fillId="0" borderId="0" xfId="9" applyFont="1">
      <alignment vertical="center"/>
    </xf>
    <xf numFmtId="0" fontId="32" fillId="0" borderId="9" xfId="9" applyFont="1" applyBorder="1">
      <alignment vertical="center"/>
    </xf>
    <xf numFmtId="0" fontId="32" fillId="0" borderId="10" xfId="9" applyFont="1" applyBorder="1">
      <alignment vertical="center"/>
    </xf>
    <xf numFmtId="0" fontId="32" fillId="0" borderId="13" xfId="9" applyFont="1" applyBorder="1" applyAlignment="1">
      <alignment horizontal="center" vertical="center"/>
    </xf>
    <xf numFmtId="0" fontId="32" fillId="0" borderId="12" xfId="9" applyFont="1" applyBorder="1">
      <alignment vertical="center"/>
    </xf>
    <xf numFmtId="0" fontId="45" fillId="0" borderId="0" xfId="9" applyFont="1">
      <alignment vertical="center"/>
    </xf>
    <xf numFmtId="49" fontId="51" fillId="4" borderId="4" xfId="9" applyNumberFormat="1" applyFont="1" applyFill="1" applyBorder="1" applyAlignment="1">
      <alignment horizontal="center" vertical="center" wrapText="1"/>
    </xf>
    <xf numFmtId="49" fontId="51" fillId="4" borderId="19" xfId="9" applyNumberFormat="1" applyFont="1" applyFill="1" applyBorder="1" applyAlignment="1">
      <alignment horizontal="center" vertical="center" wrapText="1"/>
    </xf>
    <xf numFmtId="0" fontId="32" fillId="0" borderId="0" xfId="9" applyFont="1" applyBorder="1">
      <alignment vertical="center"/>
    </xf>
    <xf numFmtId="0" fontId="53" fillId="0" borderId="0" xfId="9" applyFont="1" applyBorder="1">
      <alignment vertical="center"/>
    </xf>
    <xf numFmtId="49" fontId="32" fillId="4" borderId="13" xfId="9" applyNumberFormat="1" applyFont="1" applyFill="1" applyBorder="1" applyAlignment="1">
      <alignment horizontal="center"/>
    </xf>
    <xf numFmtId="0" fontId="6" fillId="0" borderId="0" xfId="9" applyFont="1">
      <alignment vertical="center"/>
    </xf>
    <xf numFmtId="0" fontId="57" fillId="0" borderId="0" xfId="9" applyFont="1">
      <alignment vertical="center"/>
    </xf>
    <xf numFmtId="0" fontId="44" fillId="0" borderId="0" xfId="9" applyFont="1" applyAlignment="1">
      <alignment horizontal="right" vertical="center"/>
    </xf>
    <xf numFmtId="0" fontId="6" fillId="3" borderId="11" xfId="0" applyFont="1" applyFill="1" applyBorder="1" applyAlignment="1">
      <alignment horizontal="center" vertical="center" wrapText="1"/>
    </xf>
    <xf numFmtId="0" fontId="6" fillId="3" borderId="24" xfId="0" applyFont="1" applyFill="1" applyBorder="1" applyAlignment="1">
      <alignment horizontal="center" vertical="center" wrapText="1"/>
    </xf>
    <xf numFmtId="0" fontId="33" fillId="0" borderId="11" xfId="0" applyFont="1" applyBorder="1" applyAlignment="1">
      <alignment vertical="center" wrapText="1"/>
    </xf>
    <xf numFmtId="0" fontId="12" fillId="0" borderId="10" xfId="0" applyFont="1" applyBorder="1" applyAlignment="1">
      <alignment vertical="center" wrapText="1"/>
    </xf>
    <xf numFmtId="0" fontId="33" fillId="0" borderId="3" xfId="0" applyFont="1" applyBorder="1" applyAlignment="1">
      <alignment horizontal="center" vertical="center"/>
    </xf>
    <xf numFmtId="177" fontId="33" fillId="0" borderId="11" xfId="0" applyNumberFormat="1" applyFont="1" applyFill="1" applyBorder="1" applyAlignment="1">
      <alignment horizontal="center" vertical="top"/>
    </xf>
    <xf numFmtId="177" fontId="33" fillId="0" borderId="10" xfId="0" applyNumberFormat="1" applyFont="1" applyFill="1" applyBorder="1" applyAlignment="1">
      <alignment horizontal="center" vertical="center"/>
    </xf>
    <xf numFmtId="0" fontId="33" fillId="0" borderId="10" xfId="0" applyFont="1" applyBorder="1" applyAlignment="1">
      <alignment horizontal="center" vertical="center"/>
    </xf>
    <xf numFmtId="0" fontId="33" fillId="0" borderId="11" xfId="0" applyFont="1" applyBorder="1" applyAlignment="1">
      <alignment horizontal="left" vertical="center" wrapText="1" indent="1"/>
    </xf>
    <xf numFmtId="0" fontId="33" fillId="0" borderId="6" xfId="0" applyFont="1" applyFill="1" applyBorder="1" applyAlignment="1">
      <alignment horizontal="center" vertical="center"/>
    </xf>
    <xf numFmtId="0" fontId="6" fillId="3" borderId="28" xfId="0" applyFont="1" applyFill="1" applyBorder="1" applyAlignment="1">
      <alignment horizontal="center" vertical="center" wrapText="1"/>
    </xf>
    <xf numFmtId="0" fontId="6" fillId="3" borderId="25" xfId="0" applyFont="1" applyFill="1" applyBorder="1" applyAlignment="1">
      <alignment horizontal="center" vertical="center" wrapText="1"/>
    </xf>
    <xf numFmtId="0" fontId="6" fillId="0" borderId="21" xfId="0" applyFont="1" applyBorder="1" applyAlignment="1">
      <alignment vertical="center" wrapText="1"/>
    </xf>
    <xf numFmtId="0" fontId="6" fillId="0" borderId="31" xfId="0" applyFont="1" applyBorder="1" applyAlignment="1">
      <alignment vertical="center" wrapText="1"/>
    </xf>
    <xf numFmtId="0" fontId="6" fillId="0" borderId="30" xfId="1" applyFont="1" applyFill="1" applyBorder="1" applyAlignment="1">
      <alignment horizontal="center" vertical="center" wrapText="1"/>
    </xf>
    <xf numFmtId="0" fontId="6" fillId="0" borderId="30" xfId="1" applyFont="1" applyFill="1" applyBorder="1" applyAlignment="1">
      <alignment vertical="center" wrapText="1"/>
    </xf>
    <xf numFmtId="0" fontId="54" fillId="0" borderId="29" xfId="0" applyFont="1" applyFill="1" applyBorder="1" applyAlignment="1">
      <alignment vertical="center" wrapText="1"/>
    </xf>
    <xf numFmtId="0" fontId="67" fillId="0" borderId="30" xfId="0" applyFont="1" applyFill="1" applyBorder="1" applyAlignment="1">
      <alignment horizontal="center" vertical="center" wrapText="1"/>
    </xf>
    <xf numFmtId="0" fontId="54" fillId="0" borderId="30" xfId="0" applyFont="1" applyFill="1" applyBorder="1" applyAlignment="1">
      <alignment vertical="center" wrapText="1"/>
    </xf>
    <xf numFmtId="0" fontId="18" fillId="0" borderId="0" xfId="0" applyFont="1" applyAlignment="1">
      <alignment horizontal="right" vertical="top"/>
    </xf>
    <xf numFmtId="0" fontId="70" fillId="0" borderId="0" xfId="0" applyFont="1" applyBorder="1">
      <alignment vertical="center"/>
    </xf>
    <xf numFmtId="0" fontId="32" fillId="0" borderId="9" xfId="9" applyFont="1" applyBorder="1" applyAlignment="1">
      <alignment horizontal="left" vertical="center"/>
    </xf>
    <xf numFmtId="0" fontId="32" fillId="0" borderId="10" xfId="9" applyFont="1" applyBorder="1" applyAlignment="1">
      <alignment horizontal="left" vertical="center"/>
    </xf>
    <xf numFmtId="0" fontId="32" fillId="0" borderId="13" xfId="9" applyFont="1" applyBorder="1" applyAlignment="1">
      <alignment horizontal="left" vertical="center"/>
    </xf>
    <xf numFmtId="49" fontId="51" fillId="4" borderId="2" xfId="9" applyNumberFormat="1" applyFont="1" applyFill="1" applyBorder="1" applyAlignment="1">
      <alignment horizontal="center" vertical="center" wrapText="1"/>
    </xf>
    <xf numFmtId="49" fontId="51" fillId="4" borderId="4" xfId="9" applyNumberFormat="1" applyFont="1" applyFill="1" applyBorder="1" applyAlignment="1">
      <alignment horizontal="center" vertical="center" wrapText="1"/>
    </xf>
    <xf numFmtId="49" fontId="51" fillId="4" borderId="11" xfId="9" applyNumberFormat="1" applyFont="1" applyFill="1" applyBorder="1" applyAlignment="1">
      <alignment horizontal="center" vertical="center" wrapText="1"/>
    </xf>
    <xf numFmtId="49" fontId="51" fillId="4" borderId="12" xfId="9" applyNumberFormat="1" applyFont="1" applyFill="1" applyBorder="1" applyAlignment="1">
      <alignment horizontal="center" vertical="center" wrapText="1"/>
    </xf>
    <xf numFmtId="49" fontId="51" fillId="4" borderId="10" xfId="9" applyNumberFormat="1" applyFont="1" applyFill="1" applyBorder="1" applyAlignment="1">
      <alignment horizontal="center" vertical="center" wrapText="1"/>
    </xf>
    <xf numFmtId="0" fontId="54" fillId="0" borderId="8" xfId="9" applyFont="1" applyBorder="1" applyAlignment="1">
      <alignment horizontal="left" vertical="top" wrapText="1"/>
    </xf>
    <xf numFmtId="0" fontId="54" fillId="0" borderId="0" xfId="9" applyFont="1" applyBorder="1" applyAlignment="1">
      <alignment horizontal="left" vertical="top" wrapText="1"/>
    </xf>
    <xf numFmtId="49" fontId="34" fillId="0" borderId="0" xfId="6" applyNumberFormat="1" applyFont="1" applyBorder="1" applyAlignment="1">
      <alignment horizontal="center" vertical="center"/>
    </xf>
    <xf numFmtId="0" fontId="33" fillId="4" borderId="9" xfId="0" applyFont="1" applyFill="1" applyBorder="1" applyAlignment="1" applyProtection="1">
      <alignment horizontal="center" vertical="center" wrapText="1"/>
      <protection locked="0"/>
    </xf>
    <xf numFmtId="0" fontId="33" fillId="4" borderId="20" xfId="0" applyFont="1" applyFill="1" applyBorder="1" applyAlignment="1" applyProtection="1">
      <alignment horizontal="center" vertical="center" wrapText="1"/>
      <protection locked="0"/>
    </xf>
    <xf numFmtId="0" fontId="14" fillId="0" borderId="0" xfId="6" applyFont="1" applyBorder="1" applyAlignment="1">
      <alignment horizontal="left" vertical="center" wrapText="1"/>
    </xf>
    <xf numFmtId="0" fontId="6" fillId="0" borderId="0" xfId="6" applyFont="1" applyBorder="1" applyAlignment="1">
      <alignment horizontal="left" wrapText="1"/>
    </xf>
    <xf numFmtId="0" fontId="9" fillId="0" borderId="0" xfId="6" applyFont="1" applyBorder="1" applyAlignment="1">
      <alignment horizontal="right" vertical="center" wrapText="1"/>
    </xf>
    <xf numFmtId="0" fontId="12" fillId="0" borderId="0" xfId="6" applyFont="1" applyBorder="1" applyAlignment="1">
      <alignment horizontal="left" vertical="center" wrapText="1"/>
    </xf>
    <xf numFmtId="0" fontId="14" fillId="0" borderId="0" xfId="6" applyFont="1" applyBorder="1" applyAlignment="1">
      <alignment horizontal="left" vertical="center" wrapText="1" indent="1"/>
    </xf>
    <xf numFmtId="0" fontId="64" fillId="0" borderId="0" xfId="6" applyFont="1" applyBorder="1" applyAlignment="1">
      <alignment horizontal="left" vertical="center" wrapText="1"/>
    </xf>
    <xf numFmtId="0" fontId="66" fillId="0" borderId="0" xfId="6" applyFont="1" applyBorder="1" applyAlignment="1">
      <alignment horizontal="left" vertical="center" wrapText="1"/>
    </xf>
    <xf numFmtId="0" fontId="33" fillId="4" borderId="11" xfId="0" applyFont="1" applyFill="1" applyBorder="1" applyAlignment="1" applyProtection="1">
      <alignment horizontal="center" vertical="center" wrapText="1"/>
      <protection locked="0"/>
    </xf>
    <xf numFmtId="0" fontId="33" fillId="4" borderId="10" xfId="0" applyFont="1" applyFill="1" applyBorder="1" applyAlignment="1" applyProtection="1">
      <alignment horizontal="center" vertical="center" wrapText="1"/>
      <protection locked="0"/>
    </xf>
    <xf numFmtId="0" fontId="50" fillId="0" borderId="0" xfId="0" applyFont="1" applyFill="1" applyBorder="1" applyAlignment="1" applyProtection="1">
      <alignment horizontal="left" shrinkToFit="1"/>
      <protection locked="0"/>
    </xf>
    <xf numFmtId="0" fontId="50" fillId="0" borderId="5" xfId="0" applyFont="1" applyFill="1" applyBorder="1" applyAlignment="1" applyProtection="1">
      <alignment horizontal="left" shrinkToFit="1"/>
      <protection locked="0"/>
    </xf>
    <xf numFmtId="0" fontId="33" fillId="0" borderId="0" xfId="3" applyFont="1" applyFill="1" applyBorder="1" applyAlignment="1" applyProtection="1">
      <alignment horizontal="center"/>
    </xf>
    <xf numFmtId="0" fontId="33" fillId="0" borderId="0" xfId="3" applyFont="1" applyFill="1" applyAlignment="1" applyProtection="1">
      <alignment horizontal="left" indent="6"/>
    </xf>
    <xf numFmtId="0" fontId="64" fillId="0" borderId="0" xfId="6" applyFont="1" applyBorder="1" applyAlignment="1">
      <alignment horizontal="left" wrapText="1"/>
    </xf>
    <xf numFmtId="0" fontId="9" fillId="0" borderId="0" xfId="6" applyFont="1" applyBorder="1" applyAlignment="1">
      <alignment horizontal="left" vertical="center" wrapText="1"/>
    </xf>
    <xf numFmtId="0" fontId="33" fillId="0" borderId="11" xfId="0" applyNumberFormat="1" applyFont="1" applyFill="1" applyBorder="1" applyAlignment="1" applyProtection="1">
      <alignment horizontal="center" vertical="center"/>
      <protection locked="0"/>
    </xf>
    <xf numFmtId="0" fontId="12" fillId="0" borderId="10" xfId="0" applyNumberFormat="1" applyFont="1" applyFill="1" applyBorder="1" applyAlignment="1" applyProtection="1">
      <alignment horizontal="center" vertical="center"/>
      <protection locked="0"/>
    </xf>
    <xf numFmtId="0" fontId="13" fillId="0" borderId="0" xfId="6" applyFont="1" applyBorder="1" applyAlignment="1">
      <alignment horizontal="left" vertical="center" wrapText="1" indent="1"/>
    </xf>
    <xf numFmtId="0" fontId="32" fillId="0" borderId="0" xfId="6" applyFont="1" applyBorder="1" applyAlignment="1">
      <alignment horizontal="left" wrapText="1"/>
    </xf>
    <xf numFmtId="0" fontId="19" fillId="0" borderId="0" xfId="6" applyFont="1" applyBorder="1" applyAlignment="1">
      <alignment horizontal="left" vertical="center" wrapText="1"/>
    </xf>
    <xf numFmtId="0" fontId="12" fillId="0" borderId="12" xfId="0" applyNumberFormat="1" applyFont="1" applyFill="1" applyBorder="1" applyAlignment="1" applyProtection="1">
      <alignment horizontal="center" vertical="center"/>
      <protection locked="0"/>
    </xf>
    <xf numFmtId="0" fontId="33" fillId="0" borderId="9" xfId="0" applyNumberFormat="1" applyFont="1" applyFill="1" applyBorder="1" applyAlignment="1" applyProtection="1">
      <alignment horizontal="center" vertical="center" wrapText="1"/>
      <protection locked="0"/>
    </xf>
    <xf numFmtId="0" fontId="12" fillId="0" borderId="9" xfId="0" applyNumberFormat="1" applyFont="1" applyFill="1" applyBorder="1" applyAlignment="1" applyProtection="1">
      <alignment horizontal="center" vertical="center" wrapText="1"/>
      <protection locked="0"/>
    </xf>
    <xf numFmtId="0" fontId="31" fillId="0" borderId="9" xfId="6" applyFont="1" applyBorder="1" applyAlignment="1" applyProtection="1">
      <alignment horizontal="center" vertical="center"/>
      <protection locked="0"/>
    </xf>
    <xf numFmtId="0" fontId="9" fillId="0" borderId="9" xfId="6" applyFont="1" applyBorder="1" applyAlignment="1" applyProtection="1">
      <alignment horizontal="center" vertical="center"/>
      <protection locked="0"/>
    </xf>
    <xf numFmtId="0" fontId="49" fillId="0" borderId="0" xfId="6" applyFont="1" applyBorder="1" applyAlignment="1">
      <alignment horizontal="left" wrapText="1"/>
    </xf>
    <xf numFmtId="0" fontId="33" fillId="0" borderId="9" xfId="0" applyFont="1" applyFill="1" applyBorder="1" applyAlignment="1" applyProtection="1">
      <alignment horizontal="center" vertical="center"/>
      <protection locked="0"/>
    </xf>
    <xf numFmtId="0" fontId="33" fillId="0" borderId="11" xfId="0" applyFont="1" applyFill="1" applyBorder="1" applyAlignment="1" applyProtection="1">
      <alignment horizontal="center" vertical="center"/>
      <protection locked="0"/>
    </xf>
    <xf numFmtId="0" fontId="33" fillId="0" borderId="10" xfId="0" applyFont="1" applyFill="1" applyBorder="1" applyAlignment="1" applyProtection="1">
      <alignment horizontal="center" vertical="center"/>
      <protection locked="0"/>
    </xf>
    <xf numFmtId="0" fontId="33" fillId="0" borderId="11" xfId="0" applyFont="1" applyFill="1" applyBorder="1" applyAlignment="1" applyProtection="1">
      <alignment horizontal="center" vertical="center" wrapText="1"/>
      <protection locked="0"/>
    </xf>
    <xf numFmtId="0" fontId="33" fillId="0" borderId="10" xfId="0" applyFont="1" applyFill="1" applyBorder="1" applyAlignment="1" applyProtection="1">
      <alignment horizontal="center" vertical="center" wrapText="1"/>
      <protection locked="0"/>
    </xf>
    <xf numFmtId="0" fontId="33" fillId="0" borderId="12" xfId="0" applyFont="1" applyFill="1" applyBorder="1" applyAlignment="1" applyProtection="1">
      <alignment horizontal="center" vertical="center" wrapText="1"/>
      <protection locked="0"/>
    </xf>
    <xf numFmtId="0" fontId="31" fillId="0" borderId="15" xfId="6" applyFont="1" applyBorder="1" applyAlignment="1">
      <alignment horizontal="center" vertical="center" wrapText="1"/>
    </xf>
    <xf numFmtId="0" fontId="31" fillId="0" borderId="16" xfId="6" applyFont="1" applyBorder="1" applyAlignment="1">
      <alignment horizontal="center" vertical="center" wrapText="1"/>
    </xf>
    <xf numFmtId="0" fontId="31" fillId="0" borderId="17" xfId="6" applyFont="1" applyBorder="1" applyAlignment="1">
      <alignment horizontal="center" vertical="center" wrapText="1"/>
    </xf>
    <xf numFmtId="49" fontId="61" fillId="0" borderId="0" xfId="6" applyNumberFormat="1" applyFont="1" applyBorder="1" applyAlignment="1">
      <alignment horizontal="center" vertical="center"/>
    </xf>
    <xf numFmtId="0" fontId="33" fillId="0" borderId="12" xfId="0" applyFont="1" applyFill="1" applyBorder="1" applyAlignment="1" applyProtection="1">
      <alignment horizontal="center" vertical="center"/>
      <protection locked="0"/>
    </xf>
    <xf numFmtId="0" fontId="6" fillId="3" borderId="11" xfId="0" applyFont="1" applyFill="1" applyBorder="1" applyAlignment="1">
      <alignment horizontal="center" vertical="center" wrapText="1"/>
    </xf>
    <xf numFmtId="0" fontId="6" fillId="3" borderId="24" xfId="0" applyFont="1" applyFill="1" applyBorder="1" applyAlignment="1">
      <alignment horizontal="center" vertical="center" wrapText="1"/>
    </xf>
  </cellXfs>
  <cellStyles count="10">
    <cellStyle name="Arial 9" xfId="7"/>
    <cellStyle name="標準" xfId="0" builtinId="0"/>
    <cellStyle name="標準 2" xfId="1"/>
    <cellStyle name="標準 2 2" xfId="9"/>
    <cellStyle name="標準 3" xfId="2"/>
    <cellStyle name="標準 4" xfId="4"/>
    <cellStyle name="標準 5" xfId="5"/>
    <cellStyle name="標準 6" xfId="6"/>
    <cellStyle name="標準 6 2" xfId="8"/>
    <cellStyle name="標準_sheet2.2e" xfId="3"/>
  </cellStyles>
  <dxfs count="112">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i val="0"/>
        <color auto="1"/>
      </font>
      <fill>
        <patternFill>
          <bgColor theme="9" tint="0.59996337778862885"/>
        </patternFill>
      </fill>
    </dxf>
    <dxf>
      <font>
        <b/>
        <i val="0"/>
        <color theme="0"/>
      </font>
      <fill>
        <patternFill>
          <bgColor rgb="FFFF0000"/>
        </patternFill>
      </fill>
    </dxf>
    <dxf>
      <font>
        <b/>
        <i val="0"/>
        <color auto="1"/>
      </font>
      <fill>
        <patternFill>
          <bgColor theme="9" tint="0.59996337778862885"/>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auto="1"/>
      </font>
      <fill>
        <patternFill>
          <bgColor theme="9" tint="0.59996337778862885"/>
        </patternFill>
      </fill>
    </dxf>
    <dxf>
      <font>
        <b/>
        <i val="0"/>
        <color auto="1"/>
      </font>
      <fill>
        <patternFill>
          <bgColor theme="9" tint="0.59996337778862885"/>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s>
  <tableStyles count="0" defaultTableStyle="TableStyleMedium9" defaultPivotStyle="PivotStyleLight16"/>
  <colors>
    <mruColors>
      <color rgb="FF0000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Cambria"/>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45"/>
  <sheetViews>
    <sheetView showGridLines="0" tabSelected="1" view="pageBreakPreview" zoomScaleNormal="100" zoomScaleSheetLayoutView="100" workbookViewId="0"/>
  </sheetViews>
  <sheetFormatPr defaultColWidth="0.5703125" defaultRowHeight="15.75"/>
  <cols>
    <col min="1" max="1" width="3.42578125" style="272" customWidth="1"/>
    <col min="2" max="2" width="0.85546875" style="271" customWidth="1"/>
    <col min="3" max="3" width="20" style="271" customWidth="1"/>
    <col min="4" max="4" width="66" style="271" customWidth="1"/>
    <col min="5" max="5" width="18.28515625" style="271" customWidth="1"/>
    <col min="6" max="16384" width="0.5703125" style="271"/>
  </cols>
  <sheetData>
    <row r="1" spans="1:5">
      <c r="A1" s="271"/>
      <c r="E1" s="286" t="s">
        <v>587</v>
      </c>
    </row>
    <row r="2" spans="1:5" ht="12.75">
      <c r="A2" s="271"/>
    </row>
    <row r="3" spans="1:5" s="284" customFormat="1">
      <c r="A3" s="285" t="s">
        <v>606</v>
      </c>
    </row>
    <row r="7" spans="1:5">
      <c r="A7" s="273">
        <v>1</v>
      </c>
      <c r="B7" s="271" t="s">
        <v>163</v>
      </c>
    </row>
    <row r="8" spans="1:5">
      <c r="A8" s="273"/>
    </row>
    <row r="9" spans="1:5" ht="16.5" thickBot="1">
      <c r="A9" s="273"/>
      <c r="C9" s="276" t="s">
        <v>164</v>
      </c>
      <c r="D9" s="276" t="s">
        <v>165</v>
      </c>
      <c r="E9" s="283" t="s">
        <v>586</v>
      </c>
    </row>
    <row r="10" spans="1:5" s="281" customFormat="1" ht="16.5" thickTop="1">
      <c r="A10" s="282"/>
      <c r="C10" s="277" t="s">
        <v>581</v>
      </c>
      <c r="D10" s="277" t="s">
        <v>166</v>
      </c>
      <c r="E10" s="311" t="s">
        <v>585</v>
      </c>
    </row>
    <row r="11" spans="1:5" s="281" customFormat="1">
      <c r="A11" s="282"/>
      <c r="C11" s="275"/>
      <c r="D11" s="275" t="s">
        <v>167</v>
      </c>
      <c r="E11" s="312"/>
    </row>
    <row r="12" spans="1:5" s="281" customFormat="1">
      <c r="A12" s="282"/>
      <c r="C12" s="277" t="s">
        <v>122</v>
      </c>
      <c r="D12" s="277" t="s">
        <v>168</v>
      </c>
      <c r="E12" s="313" t="s">
        <v>584</v>
      </c>
    </row>
    <row r="13" spans="1:5" s="281" customFormat="1">
      <c r="A13" s="282"/>
      <c r="C13" s="277"/>
      <c r="D13" s="277" t="s">
        <v>169</v>
      </c>
      <c r="E13" s="314"/>
    </row>
    <row r="14" spans="1:5" s="281" customFormat="1">
      <c r="A14" s="282"/>
      <c r="C14" s="275"/>
      <c r="D14" s="275" t="s">
        <v>170</v>
      </c>
      <c r="E14" s="315"/>
    </row>
    <row r="15" spans="1:5" ht="28.5" customHeight="1">
      <c r="A15" s="273"/>
      <c r="C15" s="274" t="s">
        <v>120</v>
      </c>
      <c r="D15" s="274" t="s">
        <v>171</v>
      </c>
      <c r="E15" s="280" t="s">
        <v>583</v>
      </c>
    </row>
    <row r="16" spans="1:5" ht="28.5" customHeight="1">
      <c r="A16" s="273"/>
      <c r="C16" s="274" t="s">
        <v>121</v>
      </c>
      <c r="D16" s="274" t="s">
        <v>172</v>
      </c>
      <c r="E16" s="279" t="s">
        <v>582</v>
      </c>
    </row>
    <row r="17" spans="1:5" ht="15.75" customHeight="1">
      <c r="A17" s="273"/>
      <c r="C17" s="316" t="s">
        <v>588</v>
      </c>
      <c r="D17" s="316"/>
      <c r="E17" s="316"/>
    </row>
    <row r="18" spans="1:5">
      <c r="A18" s="273"/>
      <c r="C18" s="317"/>
      <c r="D18" s="317"/>
      <c r="E18" s="317"/>
    </row>
    <row r="19" spans="1:5">
      <c r="A19" s="273"/>
      <c r="C19" s="317"/>
      <c r="D19" s="317"/>
      <c r="E19" s="317"/>
    </row>
    <row r="20" spans="1:5">
      <c r="A20" s="273"/>
      <c r="C20" s="317"/>
      <c r="D20" s="317"/>
      <c r="E20" s="317"/>
    </row>
    <row r="21" spans="1:5">
      <c r="A21" s="273"/>
      <c r="C21" s="278"/>
    </row>
    <row r="22" spans="1:5">
      <c r="A22" s="273"/>
      <c r="B22" s="271" t="s">
        <v>178</v>
      </c>
    </row>
    <row r="23" spans="1:5">
      <c r="A23" s="273"/>
      <c r="B23" s="271" t="s">
        <v>179</v>
      </c>
    </row>
    <row r="24" spans="1:5">
      <c r="A24" s="273"/>
    </row>
    <row r="25" spans="1:5">
      <c r="A25" s="273">
        <v>2</v>
      </c>
      <c r="B25" s="271" t="s">
        <v>219</v>
      </c>
    </row>
    <row r="26" spans="1:5" ht="16.5" thickBot="1">
      <c r="A26" s="273"/>
      <c r="C26" s="276" t="s">
        <v>164</v>
      </c>
      <c r="D26" s="310" t="s">
        <v>220</v>
      </c>
      <c r="E26" s="310"/>
    </row>
    <row r="27" spans="1:5" ht="16.5" thickTop="1">
      <c r="A27" s="273"/>
      <c r="C27" s="277" t="s">
        <v>581</v>
      </c>
      <c r="D27" s="309" t="s">
        <v>221</v>
      </c>
      <c r="E27" s="309"/>
    </row>
    <row r="28" spans="1:5">
      <c r="A28" s="273"/>
      <c r="C28" s="275"/>
      <c r="D28" s="308" t="s">
        <v>222</v>
      </c>
      <c r="E28" s="308"/>
    </row>
    <row r="29" spans="1:5">
      <c r="A29" s="273"/>
      <c r="C29" s="277" t="s">
        <v>122</v>
      </c>
      <c r="D29" s="308" t="s">
        <v>223</v>
      </c>
      <c r="E29" s="308"/>
    </row>
    <row r="30" spans="1:5">
      <c r="A30" s="273"/>
      <c r="C30" s="275"/>
      <c r="D30" s="308" t="s">
        <v>183</v>
      </c>
      <c r="E30" s="308"/>
    </row>
    <row r="31" spans="1:5">
      <c r="A31" s="273"/>
      <c r="C31" s="271" t="s">
        <v>173</v>
      </c>
    </row>
    <row r="32" spans="1:5">
      <c r="A32" s="273"/>
    </row>
    <row r="33" spans="1:5">
      <c r="A33" s="273">
        <v>3</v>
      </c>
      <c r="B33" s="271" t="s">
        <v>580</v>
      </c>
    </row>
    <row r="34" spans="1:5" ht="16.5" thickBot="1">
      <c r="A34" s="273"/>
      <c r="C34" s="276" t="s">
        <v>224</v>
      </c>
      <c r="D34" s="310" t="s">
        <v>225</v>
      </c>
      <c r="E34" s="310"/>
    </row>
    <row r="35" spans="1:5" ht="16.5" thickTop="1">
      <c r="A35" s="273"/>
      <c r="C35" s="274" t="s">
        <v>579</v>
      </c>
      <c r="D35" s="308" t="s">
        <v>185</v>
      </c>
      <c r="E35" s="308"/>
    </row>
    <row r="36" spans="1:5">
      <c r="A36" s="273"/>
      <c r="C36" s="275" t="s">
        <v>578</v>
      </c>
      <c r="D36" s="309" t="s">
        <v>184</v>
      </c>
      <c r="E36" s="309"/>
    </row>
    <row r="37" spans="1:5">
      <c r="A37" s="273"/>
      <c r="C37" s="274" t="s">
        <v>180</v>
      </c>
      <c r="D37" s="308" t="s">
        <v>186</v>
      </c>
      <c r="E37" s="308"/>
    </row>
    <row r="38" spans="1:5">
      <c r="A38" s="273"/>
      <c r="C38" s="274" t="s">
        <v>181</v>
      </c>
      <c r="D38" s="308" t="s">
        <v>187</v>
      </c>
      <c r="E38" s="308"/>
    </row>
    <row r="39" spans="1:5">
      <c r="A39" s="273"/>
    </row>
    <row r="40" spans="1:5">
      <c r="A40" s="273">
        <v>4</v>
      </c>
      <c r="B40" s="271" t="s">
        <v>174</v>
      </c>
    </row>
    <row r="41" spans="1:5">
      <c r="A41" s="273"/>
      <c r="B41" s="271" t="s">
        <v>182</v>
      </c>
    </row>
    <row r="42" spans="1:5">
      <c r="A42" s="273"/>
      <c r="B42" s="271" t="s">
        <v>175</v>
      </c>
    </row>
    <row r="43" spans="1:5">
      <c r="A43" s="273"/>
    </row>
    <row r="44" spans="1:5">
      <c r="A44" s="273">
        <v>5</v>
      </c>
      <c r="B44" s="271" t="s">
        <v>176</v>
      </c>
    </row>
    <row r="45" spans="1:5">
      <c r="B45" s="271" t="s">
        <v>177</v>
      </c>
    </row>
  </sheetData>
  <sheetProtection password="E0C6" sheet="1" objects="1" scenarios="1"/>
  <mergeCells count="13">
    <mergeCell ref="E10:E11"/>
    <mergeCell ref="E12:E14"/>
    <mergeCell ref="D30:E30"/>
    <mergeCell ref="D29:E29"/>
    <mergeCell ref="C17:E20"/>
    <mergeCell ref="D28:E28"/>
    <mergeCell ref="D27:E27"/>
    <mergeCell ref="D26:E26"/>
    <mergeCell ref="D38:E38"/>
    <mergeCell ref="D37:E37"/>
    <mergeCell ref="D35:E35"/>
    <mergeCell ref="D36:E36"/>
    <mergeCell ref="D34:E34"/>
  </mergeCells>
  <phoneticPr fontId="5"/>
  <printOptions horizontalCentered="1"/>
  <pageMargins left="0.59055118110236227" right="0.59055118110236227" top="0.78740157480314965" bottom="0.59055118110236227" header="0.31496062992125984" footer="0.31496062992125984"/>
  <pageSetup paperSize="9" scale="93"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G65"/>
  <sheetViews>
    <sheetView showGridLines="0" view="pageBreakPreview" zoomScaleNormal="100" zoomScaleSheetLayoutView="100" workbookViewId="0">
      <selection activeCell="F4" sqref="F4"/>
    </sheetView>
  </sheetViews>
  <sheetFormatPr defaultColWidth="0.7109375" defaultRowHeight="15.75"/>
  <cols>
    <col min="1" max="1" width="1.42578125" style="47" customWidth="1"/>
    <col min="2" max="2" width="1.42578125" style="45" customWidth="1"/>
    <col min="3" max="3" width="0.7109375" style="43" customWidth="1"/>
    <col min="4" max="4" width="4.7109375" style="64" bestFit="1" customWidth="1"/>
    <col min="5" max="5" width="45.28515625" style="43" customWidth="1"/>
    <col min="6" max="6" width="67.5703125" style="43" customWidth="1"/>
    <col min="7" max="7" width="21.28515625" style="43" customWidth="1"/>
    <col min="8" max="8" width="1.28515625" style="43" customWidth="1"/>
    <col min="9" max="16384" width="0.7109375" style="43"/>
  </cols>
  <sheetData>
    <row r="1" spans="1:7" ht="12.75">
      <c r="A1" s="7"/>
      <c r="B1" s="7"/>
      <c r="C1" s="6"/>
      <c r="D1" s="6"/>
      <c r="E1" s="8"/>
      <c r="F1" s="8"/>
      <c r="G1" s="9" t="str">
        <f>F16</f>
        <v xml:space="preserve"> </v>
      </c>
    </row>
    <row r="2" spans="1:7" ht="14.25">
      <c r="A2" s="139" t="s">
        <v>195</v>
      </c>
      <c r="D2" s="44"/>
      <c r="E2" s="46"/>
      <c r="F2" s="46"/>
      <c r="G2" s="46"/>
    </row>
    <row r="3" spans="1:7" ht="14.25">
      <c r="A3" s="8" t="s">
        <v>0</v>
      </c>
      <c r="D3" s="44"/>
      <c r="E3" s="46"/>
      <c r="F3" s="46"/>
      <c r="G3" s="46"/>
    </row>
    <row r="4" spans="1:7" ht="21" customHeight="1">
      <c r="C4" s="46"/>
      <c r="D4" s="46"/>
      <c r="E4" s="121" t="s">
        <v>351</v>
      </c>
      <c r="F4" s="140"/>
    </row>
    <row r="5" spans="1:7" ht="21" customHeight="1">
      <c r="C5" s="46"/>
      <c r="D5" s="46"/>
      <c r="E5" s="122" t="s">
        <v>352</v>
      </c>
      <c r="F5" s="141"/>
    </row>
    <row r="6" spans="1:7" ht="21" customHeight="1">
      <c r="C6" s="46"/>
      <c r="D6" s="46"/>
      <c r="E6" s="122" t="s">
        <v>353</v>
      </c>
      <c r="F6" s="198"/>
    </row>
    <row r="7" spans="1:7" s="164" customFormat="1">
      <c r="A7" s="201"/>
      <c r="B7" s="202"/>
      <c r="C7" s="203"/>
      <c r="D7" s="203"/>
      <c r="E7" s="203"/>
      <c r="F7" s="203"/>
      <c r="G7" s="203"/>
    </row>
    <row r="8" spans="1:7" s="164" customFormat="1" ht="26.25">
      <c r="A8" s="201"/>
      <c r="B8" s="202"/>
      <c r="C8" s="48" t="s">
        <v>607</v>
      </c>
      <c r="D8" s="48"/>
      <c r="E8" s="203"/>
      <c r="F8" s="203"/>
      <c r="G8" s="49"/>
    </row>
    <row r="9" spans="1:7" s="164" customFormat="1">
      <c r="A9" s="201"/>
      <c r="B9" s="202"/>
      <c r="C9" s="50" t="s">
        <v>608</v>
      </c>
      <c r="D9" s="12"/>
      <c r="E9" s="203"/>
      <c r="F9" s="203"/>
      <c r="G9" s="49"/>
    </row>
    <row r="10" spans="1:7" s="205" customFormat="1" ht="12">
      <c r="A10" s="204"/>
      <c r="B10" s="204"/>
      <c r="C10" s="8" t="s">
        <v>270</v>
      </c>
    </row>
    <row r="11" spans="1:7" s="164" customFormat="1">
      <c r="A11" s="201"/>
      <c r="B11" s="202"/>
      <c r="C11" s="203"/>
      <c r="D11" s="203"/>
      <c r="E11" s="203"/>
      <c r="F11" s="203"/>
      <c r="G11" s="203"/>
    </row>
    <row r="12" spans="1:7" s="164" customFormat="1">
      <c r="A12" s="201"/>
      <c r="B12" s="202"/>
      <c r="C12" s="44" t="s">
        <v>478</v>
      </c>
      <c r="D12" s="44"/>
      <c r="E12" s="203"/>
      <c r="F12" s="203"/>
      <c r="G12" s="49"/>
    </row>
    <row r="13" spans="1:7" s="164" customFormat="1">
      <c r="A13" s="201"/>
      <c r="B13" s="202"/>
      <c r="C13" s="8" t="s">
        <v>479</v>
      </c>
      <c r="D13" s="11"/>
      <c r="E13" s="203"/>
      <c r="F13" s="203"/>
      <c r="G13" s="49"/>
    </row>
    <row r="14" spans="1:7" s="164" customFormat="1">
      <c r="A14" s="201"/>
      <c r="B14" s="202"/>
      <c r="C14" s="203"/>
      <c r="D14" s="203"/>
      <c r="E14" s="203"/>
      <c r="F14" s="203"/>
      <c r="G14" s="203"/>
    </row>
    <row r="15" spans="1:7">
      <c r="C15" s="46"/>
      <c r="D15" s="46"/>
      <c r="E15" s="50" t="s">
        <v>354</v>
      </c>
      <c r="F15" s="50"/>
      <c r="G15" s="49"/>
    </row>
    <row r="16" spans="1:7" ht="27" customHeight="1">
      <c r="C16" s="46"/>
      <c r="D16" s="46"/>
      <c r="E16" s="51" t="s">
        <v>355</v>
      </c>
      <c r="F16" s="199" t="s">
        <v>575</v>
      </c>
    </row>
    <row r="17" spans="1:7" ht="21" customHeight="1">
      <c r="C17" s="46"/>
      <c r="D17" s="46"/>
      <c r="E17" s="51" t="s">
        <v>356</v>
      </c>
      <c r="F17" s="141"/>
    </row>
    <row r="18" spans="1:7" ht="21" customHeight="1">
      <c r="C18" s="46"/>
      <c r="D18" s="46"/>
      <c r="E18" s="51" t="s">
        <v>357</v>
      </c>
      <c r="F18" s="141"/>
    </row>
    <row r="19" spans="1:7" ht="21" customHeight="1">
      <c r="C19" s="46"/>
      <c r="D19" s="46"/>
      <c r="E19" s="51" t="s">
        <v>358</v>
      </c>
      <c r="F19" s="141"/>
    </row>
    <row r="21" spans="1:7" s="53" customFormat="1">
      <c r="A21" s="52" t="s">
        <v>359</v>
      </c>
      <c r="B21" s="54"/>
      <c r="C21" s="55"/>
      <c r="D21" s="56"/>
      <c r="E21" s="57"/>
      <c r="F21" s="57"/>
      <c r="G21" s="55"/>
    </row>
    <row r="22" spans="1:7" s="53" customFormat="1" ht="12.75">
      <c r="A22" s="10"/>
      <c r="B22" s="10"/>
      <c r="C22" s="1"/>
      <c r="D22" s="2"/>
      <c r="E22" s="3"/>
      <c r="F22" s="3"/>
      <c r="G22" s="1"/>
    </row>
    <row r="23" spans="1:7" s="53" customFormat="1">
      <c r="A23" s="52"/>
      <c r="B23" s="54" t="s">
        <v>189</v>
      </c>
      <c r="C23" s="55"/>
      <c r="D23" s="56"/>
      <c r="E23" s="57"/>
      <c r="F23" s="57"/>
      <c r="G23" s="55"/>
    </row>
    <row r="24" spans="1:7" s="53" customFormat="1" ht="12.75">
      <c r="A24" s="10"/>
      <c r="B24" s="13" t="s">
        <v>93</v>
      </c>
      <c r="C24" s="1"/>
      <c r="D24" s="2"/>
      <c r="E24" s="3"/>
      <c r="F24" s="3"/>
      <c r="G24" s="1"/>
    </row>
    <row r="25" spans="1:7" s="53" customFormat="1">
      <c r="A25" s="52"/>
      <c r="B25" s="54"/>
      <c r="C25" s="323" t="s">
        <v>201</v>
      </c>
      <c r="D25" s="323"/>
      <c r="E25" s="323"/>
      <c r="F25" s="323"/>
      <c r="G25" s="323"/>
    </row>
    <row r="26" spans="1:7" s="64" customFormat="1" ht="16.5" thickBot="1">
      <c r="A26" s="58"/>
      <c r="B26" s="59"/>
      <c r="C26" s="60"/>
      <c r="D26" s="61" t="s">
        <v>16</v>
      </c>
      <c r="E26" s="62" t="s">
        <v>360</v>
      </c>
      <c r="F26" s="62" t="s">
        <v>361</v>
      </c>
      <c r="G26" s="63" t="s">
        <v>127</v>
      </c>
    </row>
    <row r="27" spans="1:7" ht="29.25" thickTop="1">
      <c r="A27" s="65"/>
      <c r="B27" s="66"/>
      <c r="C27" s="67"/>
      <c r="D27" s="68">
        <v>1</v>
      </c>
      <c r="E27" s="69" t="s">
        <v>362</v>
      </c>
      <c r="F27" s="69" t="s">
        <v>363</v>
      </c>
      <c r="G27" s="320" t="s">
        <v>198</v>
      </c>
    </row>
    <row r="28" spans="1:7" ht="24">
      <c r="A28" s="10"/>
      <c r="B28" s="10"/>
      <c r="C28" s="1"/>
      <c r="D28" s="4"/>
      <c r="E28" s="5" t="s">
        <v>50</v>
      </c>
      <c r="F28" s="5" t="s">
        <v>51</v>
      </c>
      <c r="G28" s="319"/>
    </row>
    <row r="29" spans="1:7" ht="16.5" customHeight="1">
      <c r="A29" s="65"/>
      <c r="B29" s="66"/>
      <c r="C29" s="67"/>
      <c r="D29" s="70">
        <v>2</v>
      </c>
      <c r="E29" s="71" t="s">
        <v>364</v>
      </c>
      <c r="F29" s="71" t="s">
        <v>365</v>
      </c>
      <c r="G29" s="328" t="s">
        <v>198</v>
      </c>
    </row>
    <row r="30" spans="1:7" ht="12.75" customHeight="1">
      <c r="A30" s="10"/>
      <c r="B30" s="10"/>
      <c r="C30" s="1"/>
      <c r="D30" s="4"/>
      <c r="E30" s="5" t="s">
        <v>52</v>
      </c>
      <c r="F30" s="5" t="s">
        <v>53</v>
      </c>
      <c r="G30" s="329"/>
    </row>
    <row r="31" spans="1:7">
      <c r="A31" s="65"/>
      <c r="B31" s="66"/>
      <c r="C31" s="67"/>
      <c r="D31" s="70">
        <v>3</v>
      </c>
      <c r="E31" s="71" t="s">
        <v>366</v>
      </c>
      <c r="F31" s="71" t="s">
        <v>365</v>
      </c>
      <c r="G31" s="319" t="s">
        <v>198</v>
      </c>
    </row>
    <row r="32" spans="1:7" ht="12.75" customHeight="1">
      <c r="A32" s="10"/>
      <c r="B32" s="10"/>
      <c r="C32" s="1"/>
      <c r="D32" s="4"/>
      <c r="E32" s="5" t="s">
        <v>54</v>
      </c>
      <c r="F32" s="5" t="s">
        <v>53</v>
      </c>
      <c r="G32" s="319"/>
    </row>
    <row r="33" spans="1:7">
      <c r="A33" s="65"/>
      <c r="B33" s="66"/>
      <c r="C33" s="67"/>
      <c r="D33" s="70">
        <v>4</v>
      </c>
      <c r="E33" s="71" t="s">
        <v>128</v>
      </c>
      <c r="F33" s="71" t="s">
        <v>365</v>
      </c>
      <c r="G33" s="319" t="s">
        <v>198</v>
      </c>
    </row>
    <row r="34" spans="1:7" ht="12.75" customHeight="1">
      <c r="A34" s="10"/>
      <c r="B34" s="10"/>
      <c r="C34" s="1"/>
      <c r="D34" s="4"/>
      <c r="E34" s="5" t="s">
        <v>45</v>
      </c>
      <c r="F34" s="5" t="s">
        <v>53</v>
      </c>
      <c r="G34" s="319"/>
    </row>
    <row r="35" spans="1:7" ht="47.25" customHeight="1">
      <c r="A35" s="65"/>
      <c r="B35" s="66"/>
      <c r="C35" s="67"/>
      <c r="D35" s="70">
        <v>5</v>
      </c>
      <c r="E35" s="71" t="s">
        <v>129</v>
      </c>
      <c r="F35" s="71" t="s">
        <v>367</v>
      </c>
      <c r="G35" s="319" t="s">
        <v>198</v>
      </c>
    </row>
    <row r="36" spans="1:7" ht="36">
      <c r="A36" s="10"/>
      <c r="B36" s="10"/>
      <c r="C36" s="1"/>
      <c r="D36" s="4"/>
      <c r="E36" s="5" t="s">
        <v>55</v>
      </c>
      <c r="F36" s="5" t="s">
        <v>266</v>
      </c>
      <c r="G36" s="319"/>
    </row>
    <row r="37" spans="1:7" s="165" customFormat="1">
      <c r="A37" s="206"/>
      <c r="B37" s="207"/>
      <c r="C37" s="324" t="s">
        <v>480</v>
      </c>
      <c r="D37" s="324"/>
      <c r="E37" s="324"/>
      <c r="F37" s="324"/>
      <c r="G37" s="324"/>
    </row>
    <row r="38" spans="1:7" s="165" customFormat="1" ht="12.75">
      <c r="A38" s="208"/>
      <c r="B38" s="208"/>
      <c r="C38" s="325" t="s">
        <v>88</v>
      </c>
      <c r="D38" s="325"/>
      <c r="E38" s="325"/>
      <c r="F38" s="325"/>
      <c r="G38" s="325"/>
    </row>
    <row r="39" spans="1:7" s="165" customFormat="1">
      <c r="A39" s="206"/>
      <c r="B39" s="207"/>
      <c r="C39" s="326" t="s">
        <v>481</v>
      </c>
      <c r="D39" s="326"/>
      <c r="E39" s="326"/>
      <c r="F39" s="326"/>
      <c r="G39" s="326"/>
    </row>
    <row r="40" spans="1:7" s="165" customFormat="1" ht="12.75">
      <c r="A40" s="208"/>
      <c r="B40" s="208"/>
      <c r="C40" s="327" t="s">
        <v>482</v>
      </c>
      <c r="D40" s="327"/>
      <c r="E40" s="327"/>
      <c r="F40" s="327"/>
      <c r="G40" s="327"/>
    </row>
    <row r="41" spans="1:7" s="165" customFormat="1">
      <c r="A41" s="206"/>
      <c r="B41" s="207"/>
      <c r="C41" s="209"/>
      <c r="D41" s="210"/>
      <c r="E41" s="211"/>
      <c r="F41" s="211"/>
      <c r="G41" s="209"/>
    </row>
    <row r="42" spans="1:7" s="53" customFormat="1">
      <c r="A42" s="52"/>
      <c r="B42" s="54" t="s">
        <v>190</v>
      </c>
      <c r="C42" s="55"/>
      <c r="D42" s="56"/>
      <c r="E42" s="57"/>
      <c r="F42" s="57"/>
      <c r="G42" s="55"/>
    </row>
    <row r="43" spans="1:7" s="53" customFormat="1" ht="12.75">
      <c r="A43" s="10"/>
      <c r="B43" s="13" t="s">
        <v>94</v>
      </c>
      <c r="C43" s="1"/>
      <c r="D43" s="2"/>
      <c r="E43" s="3"/>
      <c r="F43" s="3"/>
      <c r="G43" s="1"/>
    </row>
    <row r="44" spans="1:7" s="53" customFormat="1" ht="15.75" customHeight="1">
      <c r="A44" s="52"/>
      <c r="B44" s="54"/>
      <c r="C44" s="323" t="s">
        <v>201</v>
      </c>
      <c r="D44" s="323"/>
      <c r="E44" s="323"/>
      <c r="F44" s="323"/>
      <c r="G44" s="323"/>
    </row>
    <row r="45" spans="1:7" s="64" customFormat="1" ht="16.5" thickBot="1">
      <c r="A45" s="58"/>
      <c r="B45" s="59"/>
      <c r="C45" s="60"/>
      <c r="D45" s="61" t="s">
        <v>16</v>
      </c>
      <c r="E45" s="62" t="s">
        <v>368</v>
      </c>
      <c r="F45" s="62" t="s">
        <v>369</v>
      </c>
      <c r="G45" s="63" t="s">
        <v>127</v>
      </c>
    </row>
    <row r="46" spans="1:7" ht="29.25" thickTop="1">
      <c r="A46" s="65"/>
      <c r="B46" s="66"/>
      <c r="C46" s="67"/>
      <c r="D46" s="68">
        <v>1</v>
      </c>
      <c r="E46" s="69" t="s">
        <v>130</v>
      </c>
      <c r="F46" s="69" t="s">
        <v>370</v>
      </c>
      <c r="G46" s="320" t="s">
        <v>198</v>
      </c>
    </row>
    <row r="47" spans="1:7" ht="24">
      <c r="A47" s="10"/>
      <c r="B47" s="10"/>
      <c r="C47" s="1"/>
      <c r="D47" s="4"/>
      <c r="E47" s="5" t="s">
        <v>56</v>
      </c>
      <c r="F47" s="5" t="s">
        <v>57</v>
      </c>
      <c r="G47" s="319"/>
    </row>
    <row r="48" spans="1:7" ht="57.75" customHeight="1">
      <c r="A48" s="65"/>
      <c r="B48" s="66"/>
      <c r="C48" s="67"/>
      <c r="D48" s="70">
        <v>2</v>
      </c>
      <c r="E48" s="71" t="s">
        <v>371</v>
      </c>
      <c r="F48" s="71" t="s">
        <v>372</v>
      </c>
      <c r="G48" s="319" t="s">
        <v>198</v>
      </c>
    </row>
    <row r="49" spans="1:7" s="164" customFormat="1" ht="60">
      <c r="A49" s="208"/>
      <c r="B49" s="208"/>
      <c r="C49" s="212"/>
      <c r="D49" s="213"/>
      <c r="E49" s="41" t="s">
        <v>58</v>
      </c>
      <c r="F49" s="41" t="s">
        <v>483</v>
      </c>
      <c r="G49" s="319"/>
    </row>
    <row r="50" spans="1:7" s="164" customFormat="1" ht="28.5">
      <c r="A50" s="214"/>
      <c r="B50" s="215"/>
      <c r="C50" s="216"/>
      <c r="D50" s="217">
        <v>3</v>
      </c>
      <c r="E50" s="72" t="s">
        <v>484</v>
      </c>
      <c r="F50" s="72" t="s">
        <v>485</v>
      </c>
      <c r="G50" s="319" t="s">
        <v>198</v>
      </c>
    </row>
    <row r="51" spans="1:7" s="164" customFormat="1" ht="24">
      <c r="A51" s="208"/>
      <c r="B51" s="208"/>
      <c r="C51" s="212"/>
      <c r="D51" s="213"/>
      <c r="E51" s="41" t="s">
        <v>59</v>
      </c>
      <c r="F51" s="41" t="s">
        <v>60</v>
      </c>
      <c r="G51" s="319"/>
    </row>
    <row r="52" spans="1:7" s="165" customFormat="1">
      <c r="A52" s="206"/>
      <c r="B52" s="207"/>
      <c r="C52" s="324" t="s">
        <v>486</v>
      </c>
      <c r="D52" s="324"/>
      <c r="E52" s="324"/>
      <c r="F52" s="324"/>
      <c r="G52" s="324"/>
    </row>
    <row r="53" spans="1:7" s="165" customFormat="1" ht="12.75">
      <c r="A53" s="208"/>
      <c r="B53" s="208"/>
      <c r="C53" s="325" t="s">
        <v>88</v>
      </c>
      <c r="D53" s="325"/>
      <c r="E53" s="325"/>
      <c r="F53" s="325"/>
      <c r="G53" s="325"/>
    </row>
    <row r="54" spans="1:7" s="165" customFormat="1">
      <c r="A54" s="206"/>
      <c r="B54" s="207"/>
      <c r="C54" s="324" t="s">
        <v>487</v>
      </c>
      <c r="D54" s="324"/>
      <c r="E54" s="324"/>
      <c r="F54" s="324"/>
      <c r="G54" s="324"/>
    </row>
    <row r="55" spans="1:7" s="165" customFormat="1" ht="25.5" customHeight="1">
      <c r="A55" s="208"/>
      <c r="B55" s="208"/>
      <c r="C55" s="325" t="s">
        <v>87</v>
      </c>
      <c r="D55" s="325"/>
      <c r="E55" s="325"/>
      <c r="F55" s="325"/>
      <c r="G55" s="325"/>
    </row>
    <row r="56" spans="1:7" s="165" customFormat="1" ht="21" customHeight="1">
      <c r="A56" s="206"/>
      <c r="B56" s="207"/>
      <c r="C56" s="322" t="s">
        <v>200</v>
      </c>
      <c r="D56" s="322"/>
      <c r="E56" s="322"/>
      <c r="F56" s="322"/>
      <c r="G56" s="322"/>
    </row>
    <row r="57" spans="1:7" s="165" customFormat="1" ht="12.75">
      <c r="A57" s="208"/>
      <c r="B57" s="208"/>
      <c r="C57" s="321" t="s">
        <v>488</v>
      </c>
      <c r="D57" s="321"/>
      <c r="E57" s="321"/>
      <c r="F57" s="321"/>
      <c r="G57" s="321"/>
    </row>
    <row r="58" spans="1:7" s="165" customFormat="1" ht="12.75">
      <c r="A58" s="208"/>
      <c r="B58" s="208"/>
      <c r="C58" s="218"/>
      <c r="D58" s="218"/>
      <c r="E58" s="218"/>
      <c r="F58" s="218"/>
      <c r="G58" s="218"/>
    </row>
    <row r="59" spans="1:7" s="53" customFormat="1" ht="12.75">
      <c r="A59" s="318" t="s">
        <v>212</v>
      </c>
      <c r="B59" s="318"/>
      <c r="C59" s="318"/>
      <c r="D59" s="318"/>
      <c r="E59" s="318"/>
      <c r="F59" s="318"/>
      <c r="G59" s="318"/>
    </row>
    <row r="60" spans="1:7" s="53" customFormat="1" ht="12.75">
      <c r="A60" s="10"/>
      <c r="B60" s="10"/>
      <c r="C60" s="196"/>
      <c r="D60" s="196"/>
      <c r="E60" s="196"/>
      <c r="F60" s="196"/>
      <c r="G60" s="196"/>
    </row>
    <row r="61" spans="1:7" s="53" customFormat="1" ht="12.75">
      <c r="A61" s="10"/>
      <c r="B61" s="10"/>
      <c r="C61" s="196"/>
      <c r="D61" s="196"/>
      <c r="E61" s="196"/>
      <c r="F61" s="196"/>
      <c r="G61" s="196"/>
    </row>
    <row r="62" spans="1:7" s="53" customFormat="1" ht="12.75">
      <c r="A62" s="10"/>
      <c r="B62" s="10"/>
      <c r="C62" s="196"/>
      <c r="D62" s="196"/>
      <c r="E62" s="196"/>
      <c r="F62" s="196"/>
      <c r="G62" s="196"/>
    </row>
    <row r="63" spans="1:7" s="53" customFormat="1" ht="12.75">
      <c r="A63" s="10"/>
      <c r="B63" s="10"/>
      <c r="C63" s="196"/>
      <c r="D63" s="196"/>
      <c r="E63" s="196"/>
      <c r="F63" s="196"/>
      <c r="G63" s="196"/>
    </row>
    <row r="65" spans="1:7" s="53" customFormat="1" ht="12.75">
      <c r="A65" s="10"/>
      <c r="B65" s="10"/>
      <c r="C65" s="1"/>
      <c r="D65" s="2"/>
      <c r="E65" s="3"/>
      <c r="F65" s="3"/>
      <c r="G65" s="1"/>
    </row>
  </sheetData>
  <sheetProtection password="E0C6" sheet="1" scenarios="1" selectLockedCells="1"/>
  <mergeCells count="21">
    <mergeCell ref="C25:G25"/>
    <mergeCell ref="C52:G52"/>
    <mergeCell ref="C53:G53"/>
    <mergeCell ref="C54:G54"/>
    <mergeCell ref="C55:G55"/>
    <mergeCell ref="C39:G39"/>
    <mergeCell ref="C40:G40"/>
    <mergeCell ref="C44:G44"/>
    <mergeCell ref="G35:G36"/>
    <mergeCell ref="G33:G34"/>
    <mergeCell ref="G31:G32"/>
    <mergeCell ref="G29:G30"/>
    <mergeCell ref="G27:G28"/>
    <mergeCell ref="G50:G51"/>
    <mergeCell ref="C37:G37"/>
    <mergeCell ref="C38:G38"/>
    <mergeCell ref="A59:G59"/>
    <mergeCell ref="G48:G49"/>
    <mergeCell ref="G46:G47"/>
    <mergeCell ref="C57:G57"/>
    <mergeCell ref="C56:G56"/>
  </mergeCells>
  <phoneticPr fontId="5"/>
  <conditionalFormatting sqref="G27">
    <cfRule type="cellIs" dxfId="111" priority="8" operator="equal">
      <formula>"Not Applicable"</formula>
    </cfRule>
  </conditionalFormatting>
  <conditionalFormatting sqref="G29">
    <cfRule type="cellIs" dxfId="110" priority="7" operator="equal">
      <formula>"Not Applicable"</formula>
    </cfRule>
  </conditionalFormatting>
  <conditionalFormatting sqref="G31">
    <cfRule type="cellIs" dxfId="109" priority="6" operator="equal">
      <formula>"Not Applicable"</formula>
    </cfRule>
  </conditionalFormatting>
  <conditionalFormatting sqref="G33">
    <cfRule type="cellIs" dxfId="108" priority="5" operator="equal">
      <formula>"Not Applicable"</formula>
    </cfRule>
  </conditionalFormatting>
  <conditionalFormatting sqref="G35">
    <cfRule type="cellIs" dxfId="107" priority="4" operator="equal">
      <formula>"Not Applicable"</formula>
    </cfRule>
  </conditionalFormatting>
  <conditionalFormatting sqref="G46">
    <cfRule type="cellIs" dxfId="106" priority="3" operator="equal">
      <formula>"Not Applicable"</formula>
    </cfRule>
  </conditionalFormatting>
  <conditionalFormatting sqref="G48">
    <cfRule type="cellIs" dxfId="105" priority="2" operator="equal">
      <formula>"Not Applicable"</formula>
    </cfRule>
  </conditionalFormatting>
  <conditionalFormatting sqref="G50">
    <cfRule type="cellIs" dxfId="104" priority="1" operator="equal">
      <formula>"Not Applicable"</formula>
    </cfRule>
  </conditionalFormatting>
  <dataValidations count="1">
    <dataValidation type="list" showInputMessage="1" showErrorMessage="1" promptTitle="入力内容" prompt="判定基準を満たす： Applicable_x000a_満たさない： Not Applicable" sqref="G27 G29 G31 G33 G35 G46 G48 G50">
      <formula1>"&lt; Applicable                  / Not Applicable &gt;, Applicable, Not Applicable"</formula1>
    </dataValidation>
  </dataValidations>
  <printOptions horizontalCentered="1"/>
  <pageMargins left="0.59055118110236227" right="0.59055118110236227" top="0.59055118110236227" bottom="0.59055118110236227" header="0.31496062992125984" footer="0.31496062992125984"/>
  <pageSetup paperSize="9" scale="70" orientation="portrait" r:id="rId1"/>
  <headerFooter>
    <oddFooter>&amp;RV.10.0 (revised on Jun. 2018)</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G128"/>
  <sheetViews>
    <sheetView showGridLines="0" view="pageBreakPreview" zoomScaleNormal="100" zoomScaleSheetLayoutView="100" workbookViewId="0">
      <selection activeCell="G8" sqref="G8:G9"/>
    </sheetView>
  </sheetViews>
  <sheetFormatPr defaultColWidth="0.7109375" defaultRowHeight="15.75"/>
  <cols>
    <col min="1" max="1" width="1.42578125" style="47" customWidth="1"/>
    <col min="2" max="2" width="1.42578125" style="45" customWidth="1"/>
    <col min="3" max="3" width="0.7109375" style="43" customWidth="1"/>
    <col min="4" max="4" width="4.7109375" style="64" bestFit="1" customWidth="1"/>
    <col min="5" max="5" width="45.28515625" style="43" customWidth="1"/>
    <col min="6" max="6" width="67.5703125" style="43" customWidth="1"/>
    <col min="7" max="7" width="19.140625" style="43" customWidth="1"/>
    <col min="8" max="8" width="1.28515625" style="43" customWidth="1"/>
    <col min="9" max="16384" width="0.7109375" style="43"/>
  </cols>
  <sheetData>
    <row r="1" spans="1:7">
      <c r="G1" s="9" t="str">
        <f>A.RoHS!G1</f>
        <v xml:space="preserve"> </v>
      </c>
    </row>
    <row r="2" spans="1:7" s="53" customFormat="1">
      <c r="A2" s="52" t="s">
        <v>374</v>
      </c>
      <c r="B2" s="54"/>
      <c r="C2" s="55"/>
      <c r="D2" s="56"/>
      <c r="E2" s="57"/>
      <c r="F2" s="57"/>
      <c r="G2" s="55"/>
    </row>
    <row r="3" spans="1:7" s="53" customFormat="1" ht="12.75">
      <c r="A3" s="10"/>
      <c r="B3" s="10"/>
      <c r="C3" s="1"/>
      <c r="D3" s="2"/>
      <c r="E3" s="3"/>
      <c r="F3" s="3"/>
      <c r="G3" s="1"/>
    </row>
    <row r="4" spans="1:7" s="53" customFormat="1">
      <c r="A4" s="52"/>
      <c r="B4" s="54" t="s">
        <v>191</v>
      </c>
      <c r="C4" s="55"/>
      <c r="D4" s="56"/>
      <c r="E4" s="57"/>
      <c r="F4" s="57"/>
      <c r="G4" s="55"/>
    </row>
    <row r="5" spans="1:7" s="53" customFormat="1" ht="12.75">
      <c r="A5" s="10"/>
      <c r="B5" s="13" t="s">
        <v>93</v>
      </c>
      <c r="C5" s="1"/>
      <c r="D5" s="2"/>
      <c r="E5" s="3"/>
      <c r="F5" s="3"/>
      <c r="G5" s="1"/>
    </row>
    <row r="6" spans="1:7" s="53" customFormat="1">
      <c r="A6" s="52"/>
      <c r="B6" s="54"/>
      <c r="C6" s="323" t="s">
        <v>201</v>
      </c>
      <c r="D6" s="323"/>
      <c r="E6" s="323"/>
      <c r="F6" s="323"/>
      <c r="G6" s="323"/>
    </row>
    <row r="7" spans="1:7" s="64" customFormat="1" ht="16.5" thickBot="1">
      <c r="A7" s="58"/>
      <c r="B7" s="59"/>
      <c r="C7" s="60"/>
      <c r="D7" s="61" t="s">
        <v>16</v>
      </c>
      <c r="E7" s="62" t="s">
        <v>375</v>
      </c>
      <c r="F7" s="62" t="s">
        <v>376</v>
      </c>
      <c r="G7" s="63" t="s">
        <v>127</v>
      </c>
    </row>
    <row r="8" spans="1:7" ht="16.5" thickTop="1">
      <c r="A8" s="65"/>
      <c r="B8" s="66"/>
      <c r="C8" s="67"/>
      <c r="D8" s="68">
        <v>1</v>
      </c>
      <c r="E8" s="69" t="s">
        <v>377</v>
      </c>
      <c r="F8" s="69" t="s">
        <v>378</v>
      </c>
      <c r="G8" s="320" t="s">
        <v>198</v>
      </c>
    </row>
    <row r="9" spans="1:7" ht="12.75" customHeight="1">
      <c r="A9" s="10"/>
      <c r="B9" s="10"/>
      <c r="C9" s="1"/>
      <c r="D9" s="4"/>
      <c r="E9" s="5" t="s">
        <v>61</v>
      </c>
      <c r="F9" s="5" t="s">
        <v>62</v>
      </c>
      <c r="G9" s="319"/>
    </row>
    <row r="10" spans="1:7">
      <c r="A10" s="65"/>
      <c r="B10" s="66"/>
      <c r="C10" s="67"/>
      <c r="D10" s="70">
        <v>2</v>
      </c>
      <c r="E10" s="71" t="s">
        <v>379</v>
      </c>
      <c r="F10" s="71" t="s">
        <v>380</v>
      </c>
      <c r="G10" s="319" t="s">
        <v>198</v>
      </c>
    </row>
    <row r="11" spans="1:7" ht="12.75" customHeight="1">
      <c r="A11" s="10"/>
      <c r="B11" s="10"/>
      <c r="C11" s="1"/>
      <c r="D11" s="4"/>
      <c r="E11" s="5" t="s">
        <v>63</v>
      </c>
      <c r="F11" s="5" t="s">
        <v>62</v>
      </c>
      <c r="G11" s="319"/>
    </row>
    <row r="12" spans="1:7" ht="27.75">
      <c r="A12" s="65"/>
      <c r="B12" s="66"/>
      <c r="C12" s="67"/>
      <c r="D12" s="70">
        <v>3</v>
      </c>
      <c r="E12" s="71" t="s">
        <v>131</v>
      </c>
      <c r="F12" s="71" t="s">
        <v>132</v>
      </c>
      <c r="G12" s="319" t="s">
        <v>198</v>
      </c>
    </row>
    <row r="13" spans="1:7" ht="24">
      <c r="A13" s="10"/>
      <c r="B13" s="10"/>
      <c r="C13" s="1"/>
      <c r="D13" s="4"/>
      <c r="E13" s="5" t="s">
        <v>49</v>
      </c>
      <c r="F13" s="5" t="s">
        <v>64</v>
      </c>
      <c r="G13" s="319"/>
    </row>
    <row r="14" spans="1:7">
      <c r="A14" s="65"/>
      <c r="B14" s="66"/>
      <c r="C14" s="67"/>
      <c r="D14" s="70">
        <v>4</v>
      </c>
      <c r="E14" s="72" t="s">
        <v>194</v>
      </c>
      <c r="F14" s="71" t="s">
        <v>251</v>
      </c>
      <c r="G14" s="319" t="s">
        <v>198</v>
      </c>
    </row>
    <row r="15" spans="1:7" ht="12.75" customHeight="1">
      <c r="A15" s="10"/>
      <c r="B15" s="10"/>
      <c r="C15" s="1"/>
      <c r="D15" s="4"/>
      <c r="E15" s="5" t="s">
        <v>206</v>
      </c>
      <c r="F15" s="5" t="s">
        <v>207</v>
      </c>
      <c r="G15" s="319"/>
    </row>
    <row r="16" spans="1:7">
      <c r="A16" s="65"/>
      <c r="B16" s="66"/>
      <c r="C16" s="67"/>
      <c r="D16" s="70">
        <v>5</v>
      </c>
      <c r="E16" s="71" t="s">
        <v>381</v>
      </c>
      <c r="F16" s="71" t="s">
        <v>133</v>
      </c>
      <c r="G16" s="319" t="s">
        <v>198</v>
      </c>
    </row>
    <row r="17" spans="1:7" ht="12.75" customHeight="1">
      <c r="A17" s="10"/>
      <c r="B17" s="10"/>
      <c r="C17" s="1"/>
      <c r="D17" s="4"/>
      <c r="E17" s="5" t="s">
        <v>65</v>
      </c>
      <c r="F17" s="5" t="s">
        <v>66</v>
      </c>
      <c r="G17" s="319"/>
    </row>
    <row r="18" spans="1:7">
      <c r="A18" s="65"/>
      <c r="B18" s="66"/>
      <c r="C18" s="67"/>
      <c r="D18" s="70">
        <v>6</v>
      </c>
      <c r="E18" s="71" t="s">
        <v>382</v>
      </c>
      <c r="F18" s="71" t="s">
        <v>132</v>
      </c>
      <c r="G18" s="319" t="s">
        <v>198</v>
      </c>
    </row>
    <row r="19" spans="1:7" ht="12.75" customHeight="1">
      <c r="A19" s="10"/>
      <c r="B19" s="10"/>
      <c r="C19" s="1"/>
      <c r="D19" s="4"/>
      <c r="E19" s="5" t="s">
        <v>67</v>
      </c>
      <c r="F19" s="5" t="s">
        <v>64</v>
      </c>
      <c r="G19" s="319"/>
    </row>
    <row r="20" spans="1:7">
      <c r="A20" s="65"/>
      <c r="B20" s="66"/>
      <c r="C20" s="67"/>
      <c r="D20" s="70">
        <v>7</v>
      </c>
      <c r="E20" s="71" t="s">
        <v>134</v>
      </c>
      <c r="F20" s="71" t="s">
        <v>135</v>
      </c>
      <c r="G20" s="319" t="s">
        <v>198</v>
      </c>
    </row>
    <row r="21" spans="1:7" ht="12.75" customHeight="1">
      <c r="A21" s="10"/>
      <c r="B21" s="10"/>
      <c r="C21" s="1"/>
      <c r="D21" s="4"/>
      <c r="E21" s="5" t="s">
        <v>68</v>
      </c>
      <c r="F21" s="5" t="s">
        <v>69</v>
      </c>
      <c r="G21" s="319"/>
    </row>
    <row r="22" spans="1:7" ht="28.5">
      <c r="A22" s="65"/>
      <c r="B22" s="66"/>
      <c r="C22" s="67"/>
      <c r="D22" s="70">
        <v>8</v>
      </c>
      <c r="E22" s="71" t="s">
        <v>136</v>
      </c>
      <c r="F22" s="71" t="s">
        <v>132</v>
      </c>
      <c r="G22" s="319" t="s">
        <v>198</v>
      </c>
    </row>
    <row r="23" spans="1:7" ht="29.25" customHeight="1">
      <c r="A23" s="10"/>
      <c r="B23" s="10"/>
      <c r="C23" s="1"/>
      <c r="D23" s="4"/>
      <c r="E23" s="5" t="s">
        <v>218</v>
      </c>
      <c r="F23" s="5" t="s">
        <v>64</v>
      </c>
      <c r="G23" s="319"/>
    </row>
    <row r="24" spans="1:7" s="164" customFormat="1">
      <c r="A24" s="214"/>
      <c r="B24" s="215"/>
      <c r="C24" s="216"/>
      <c r="D24" s="217">
        <v>9</v>
      </c>
      <c r="E24" s="72" t="s">
        <v>489</v>
      </c>
      <c r="F24" s="72" t="s">
        <v>490</v>
      </c>
      <c r="G24" s="319" t="s">
        <v>198</v>
      </c>
    </row>
    <row r="25" spans="1:7" s="164" customFormat="1" ht="12.75" customHeight="1">
      <c r="A25" s="208"/>
      <c r="B25" s="208"/>
      <c r="C25" s="212"/>
      <c r="D25" s="213"/>
      <c r="E25" s="41" t="s">
        <v>123</v>
      </c>
      <c r="F25" s="41" t="s">
        <v>491</v>
      </c>
      <c r="G25" s="319"/>
    </row>
    <row r="26" spans="1:7" s="164" customFormat="1">
      <c r="A26" s="214"/>
      <c r="B26" s="215"/>
      <c r="C26" s="216"/>
      <c r="D26" s="217">
        <v>10</v>
      </c>
      <c r="E26" s="72" t="s">
        <v>492</v>
      </c>
      <c r="F26" s="72" t="s">
        <v>493</v>
      </c>
      <c r="G26" s="319" t="s">
        <v>198</v>
      </c>
    </row>
    <row r="27" spans="1:7" s="164" customFormat="1" ht="12.75" customHeight="1">
      <c r="A27" s="208"/>
      <c r="B27" s="208"/>
      <c r="C27" s="212"/>
      <c r="D27" s="213"/>
      <c r="E27" s="41" t="s">
        <v>70</v>
      </c>
      <c r="F27" s="41" t="s">
        <v>62</v>
      </c>
      <c r="G27" s="319"/>
    </row>
    <row r="28" spans="1:7" s="164" customFormat="1">
      <c r="A28" s="214"/>
      <c r="B28" s="215"/>
      <c r="C28" s="216"/>
      <c r="D28" s="217">
        <v>11</v>
      </c>
      <c r="E28" s="72" t="s">
        <v>494</v>
      </c>
      <c r="F28" s="72" t="s">
        <v>495</v>
      </c>
      <c r="G28" s="319" t="s">
        <v>198</v>
      </c>
    </row>
    <row r="29" spans="1:7" s="164" customFormat="1" ht="12.75" customHeight="1">
      <c r="A29" s="208"/>
      <c r="B29" s="208"/>
      <c r="C29" s="212"/>
      <c r="D29" s="213"/>
      <c r="E29" s="41" t="s">
        <v>71</v>
      </c>
      <c r="F29" s="41" t="s">
        <v>72</v>
      </c>
      <c r="G29" s="319"/>
    </row>
    <row r="30" spans="1:7" s="164" customFormat="1">
      <c r="A30" s="214"/>
      <c r="B30" s="215"/>
      <c r="C30" s="216"/>
      <c r="D30" s="217">
        <v>12</v>
      </c>
      <c r="E30" s="72" t="s">
        <v>496</v>
      </c>
      <c r="F30" s="72" t="s">
        <v>497</v>
      </c>
      <c r="G30" s="319" t="s">
        <v>198</v>
      </c>
    </row>
    <row r="31" spans="1:7" s="164" customFormat="1" ht="12.75" customHeight="1">
      <c r="A31" s="208"/>
      <c r="B31" s="208"/>
      <c r="C31" s="212"/>
      <c r="D31" s="213"/>
      <c r="E31" s="41" t="s">
        <v>73</v>
      </c>
      <c r="F31" s="41" t="s">
        <v>64</v>
      </c>
      <c r="G31" s="319"/>
    </row>
    <row r="32" spans="1:7" s="164" customFormat="1">
      <c r="A32" s="214"/>
      <c r="B32" s="215"/>
      <c r="C32" s="216"/>
      <c r="D32" s="217">
        <v>13</v>
      </c>
      <c r="E32" s="72" t="s">
        <v>498</v>
      </c>
      <c r="F32" s="72" t="s">
        <v>497</v>
      </c>
      <c r="G32" s="319" t="s">
        <v>198</v>
      </c>
    </row>
    <row r="33" spans="1:7" s="164" customFormat="1" ht="12.75" customHeight="1">
      <c r="A33" s="208"/>
      <c r="B33" s="208"/>
      <c r="C33" s="212"/>
      <c r="D33" s="213"/>
      <c r="E33" s="41" t="s">
        <v>74</v>
      </c>
      <c r="F33" s="41" t="s">
        <v>64</v>
      </c>
      <c r="G33" s="319"/>
    </row>
    <row r="34" spans="1:7" s="164" customFormat="1">
      <c r="A34" s="214"/>
      <c r="B34" s="215"/>
      <c r="C34" s="216"/>
      <c r="D34" s="217">
        <v>14</v>
      </c>
      <c r="E34" s="72" t="s">
        <v>499</v>
      </c>
      <c r="F34" s="72" t="s">
        <v>500</v>
      </c>
      <c r="G34" s="319" t="s">
        <v>198</v>
      </c>
    </row>
    <row r="35" spans="1:7" s="164" customFormat="1" ht="12.75" customHeight="1">
      <c r="A35" s="208"/>
      <c r="B35" s="208"/>
      <c r="C35" s="212"/>
      <c r="D35" s="213"/>
      <c r="E35" s="41" t="s">
        <v>75</v>
      </c>
      <c r="F35" s="41" t="s">
        <v>76</v>
      </c>
      <c r="G35" s="319"/>
    </row>
    <row r="36" spans="1:7" s="165" customFormat="1">
      <c r="A36" s="206"/>
      <c r="B36" s="207"/>
      <c r="C36" s="324" t="s">
        <v>486</v>
      </c>
      <c r="D36" s="324"/>
      <c r="E36" s="324"/>
      <c r="F36" s="324"/>
      <c r="G36" s="324"/>
    </row>
    <row r="37" spans="1:7" s="165" customFormat="1" ht="12.75">
      <c r="A37" s="208"/>
      <c r="B37" s="208"/>
      <c r="C37" s="325" t="s">
        <v>88</v>
      </c>
      <c r="D37" s="325"/>
      <c r="E37" s="325"/>
      <c r="F37" s="325"/>
      <c r="G37" s="325"/>
    </row>
    <row r="38" spans="1:7" s="165" customFormat="1" ht="18.75" customHeight="1">
      <c r="A38" s="206"/>
      <c r="B38" s="207"/>
      <c r="C38" s="334" t="s">
        <v>199</v>
      </c>
      <c r="D38" s="334"/>
      <c r="E38" s="334"/>
      <c r="F38" s="334"/>
      <c r="G38" s="334"/>
    </row>
    <row r="39" spans="1:7" s="165" customFormat="1" ht="12.75" customHeight="1">
      <c r="A39" s="208"/>
      <c r="B39" s="208"/>
      <c r="C39" s="327" t="s">
        <v>501</v>
      </c>
      <c r="D39" s="327"/>
      <c r="E39" s="327"/>
      <c r="F39" s="327"/>
      <c r="G39" s="327"/>
    </row>
    <row r="40" spans="1:7" s="165" customFormat="1">
      <c r="A40" s="206"/>
      <c r="B40" s="207"/>
      <c r="C40" s="209"/>
      <c r="D40" s="210"/>
      <c r="E40" s="211"/>
      <c r="F40" s="211"/>
      <c r="G40" s="209"/>
    </row>
    <row r="41" spans="1:7" s="53" customFormat="1" ht="12.75">
      <c r="A41" s="10"/>
      <c r="B41" s="10"/>
      <c r="C41" s="1"/>
      <c r="D41" s="2"/>
      <c r="E41" s="3"/>
      <c r="F41" s="3"/>
      <c r="G41" s="1"/>
    </row>
    <row r="42" spans="1:7" s="53" customFormat="1">
      <c r="A42" s="52"/>
      <c r="B42" s="54" t="s">
        <v>192</v>
      </c>
      <c r="C42" s="55"/>
      <c r="D42" s="56"/>
      <c r="E42" s="57"/>
      <c r="F42" s="57"/>
      <c r="G42" s="55"/>
    </row>
    <row r="43" spans="1:7" s="53" customFormat="1" ht="12.75">
      <c r="A43" s="10"/>
      <c r="B43" s="13" t="s">
        <v>94</v>
      </c>
      <c r="C43" s="1"/>
      <c r="D43" s="2"/>
      <c r="E43" s="3"/>
      <c r="F43" s="3"/>
      <c r="G43" s="1"/>
    </row>
    <row r="44" spans="1:7" s="53" customFormat="1">
      <c r="A44" s="52"/>
      <c r="B44" s="54"/>
      <c r="C44" s="323" t="s">
        <v>201</v>
      </c>
      <c r="D44" s="323"/>
      <c r="E44" s="323"/>
      <c r="F44" s="323"/>
      <c r="G44" s="323"/>
    </row>
    <row r="45" spans="1:7" s="64" customFormat="1" ht="16.5" thickBot="1">
      <c r="A45" s="58"/>
      <c r="B45" s="59"/>
      <c r="C45" s="60"/>
      <c r="D45" s="61" t="s">
        <v>16</v>
      </c>
      <c r="E45" s="62" t="s">
        <v>368</v>
      </c>
      <c r="F45" s="62" t="s">
        <v>369</v>
      </c>
      <c r="G45" s="63" t="s">
        <v>127</v>
      </c>
    </row>
    <row r="46" spans="1:7" ht="16.5" thickTop="1">
      <c r="A46" s="65"/>
      <c r="B46" s="66"/>
      <c r="C46" s="67"/>
      <c r="D46" s="68">
        <v>1</v>
      </c>
      <c r="E46" s="69" t="s">
        <v>383</v>
      </c>
      <c r="F46" s="69" t="s">
        <v>384</v>
      </c>
      <c r="G46" s="320" t="s">
        <v>198</v>
      </c>
    </row>
    <row r="47" spans="1:7" ht="12.75" customHeight="1">
      <c r="A47" s="10"/>
      <c r="B47" s="10"/>
      <c r="C47" s="1"/>
      <c r="D47" s="4"/>
      <c r="E47" s="5" t="s">
        <v>5</v>
      </c>
      <c r="F47" s="5" t="s">
        <v>62</v>
      </c>
      <c r="G47" s="319"/>
    </row>
    <row r="48" spans="1:7">
      <c r="A48" s="65"/>
      <c r="B48" s="66"/>
      <c r="C48" s="67"/>
      <c r="D48" s="70">
        <v>2</v>
      </c>
      <c r="E48" s="71" t="s">
        <v>137</v>
      </c>
      <c r="F48" s="71" t="s">
        <v>132</v>
      </c>
      <c r="G48" s="319" t="s">
        <v>198</v>
      </c>
    </row>
    <row r="49" spans="1:7" ht="12.75" customHeight="1">
      <c r="A49" s="10"/>
      <c r="B49" s="10"/>
      <c r="C49" s="1"/>
      <c r="D49" s="4"/>
      <c r="E49" s="5" t="s">
        <v>6</v>
      </c>
      <c r="F49" s="5" t="s">
        <v>64</v>
      </c>
      <c r="G49" s="319"/>
    </row>
    <row r="50" spans="1:7">
      <c r="A50" s="65"/>
      <c r="B50" s="66"/>
      <c r="C50" s="67"/>
      <c r="D50" s="70">
        <v>3</v>
      </c>
      <c r="E50" s="71" t="s">
        <v>138</v>
      </c>
      <c r="F50" s="71" t="s">
        <v>132</v>
      </c>
      <c r="G50" s="319" t="s">
        <v>198</v>
      </c>
    </row>
    <row r="51" spans="1:7" ht="12.75" customHeight="1">
      <c r="A51" s="10"/>
      <c r="B51" s="10"/>
      <c r="C51" s="1"/>
      <c r="D51" s="4"/>
      <c r="E51" s="5" t="s">
        <v>7</v>
      </c>
      <c r="F51" s="5" t="s">
        <v>64</v>
      </c>
      <c r="G51" s="319"/>
    </row>
    <row r="52" spans="1:7" ht="42.75">
      <c r="A52" s="65"/>
      <c r="B52" s="66"/>
      <c r="C52" s="67"/>
      <c r="D52" s="70">
        <v>4</v>
      </c>
      <c r="E52" s="71" t="s">
        <v>139</v>
      </c>
      <c r="F52" s="72" t="s">
        <v>140</v>
      </c>
      <c r="G52" s="319" t="s">
        <v>198</v>
      </c>
    </row>
    <row r="53" spans="1:7" ht="36">
      <c r="A53" s="10"/>
      <c r="B53" s="10"/>
      <c r="C53" s="1"/>
      <c r="D53" s="4"/>
      <c r="E53" s="5" t="s">
        <v>280</v>
      </c>
      <c r="F53" s="41" t="s">
        <v>205</v>
      </c>
      <c r="G53" s="319"/>
    </row>
    <row r="54" spans="1:7">
      <c r="A54" s="65"/>
      <c r="B54" s="66"/>
      <c r="C54" s="67"/>
      <c r="D54" s="70">
        <v>5</v>
      </c>
      <c r="E54" s="71" t="s">
        <v>141</v>
      </c>
      <c r="F54" s="71" t="s">
        <v>132</v>
      </c>
      <c r="G54" s="319" t="s">
        <v>198</v>
      </c>
    </row>
    <row r="55" spans="1:7" ht="12.75" customHeight="1">
      <c r="A55" s="10"/>
      <c r="B55" s="10"/>
      <c r="C55" s="1"/>
      <c r="D55" s="4"/>
      <c r="E55" s="5" t="s">
        <v>8</v>
      </c>
      <c r="F55" s="5" t="s">
        <v>64</v>
      </c>
      <c r="G55" s="319"/>
    </row>
    <row r="56" spans="1:7" ht="43.5" customHeight="1">
      <c r="A56" s="65"/>
      <c r="B56" s="66"/>
      <c r="C56" s="67"/>
      <c r="D56" s="70">
        <v>6</v>
      </c>
      <c r="E56" s="71" t="s">
        <v>142</v>
      </c>
      <c r="F56" s="71" t="s">
        <v>385</v>
      </c>
      <c r="G56" s="319" t="s">
        <v>198</v>
      </c>
    </row>
    <row r="57" spans="1:7" ht="37.5">
      <c r="A57" s="10"/>
      <c r="B57" s="10"/>
      <c r="C57" s="1"/>
      <c r="D57" s="4"/>
      <c r="E57" s="5" t="s">
        <v>46</v>
      </c>
      <c r="F57" s="5" t="s">
        <v>386</v>
      </c>
      <c r="G57" s="319"/>
    </row>
    <row r="58" spans="1:7">
      <c r="A58" s="65"/>
      <c r="B58" s="66"/>
      <c r="C58" s="67"/>
      <c r="D58" s="70">
        <v>7</v>
      </c>
      <c r="E58" s="71" t="s">
        <v>387</v>
      </c>
      <c r="F58" s="71" t="s">
        <v>132</v>
      </c>
      <c r="G58" s="319" t="s">
        <v>198</v>
      </c>
    </row>
    <row r="59" spans="1:7" ht="12.75" customHeight="1">
      <c r="A59" s="10"/>
      <c r="B59" s="10"/>
      <c r="C59" s="1"/>
      <c r="D59" s="4"/>
      <c r="E59" s="5" t="s">
        <v>9</v>
      </c>
      <c r="F59" s="5" t="s">
        <v>77</v>
      </c>
      <c r="G59" s="319"/>
    </row>
    <row r="60" spans="1:7" ht="28.5">
      <c r="A60" s="65"/>
      <c r="B60" s="66"/>
      <c r="C60" s="67"/>
      <c r="D60" s="70">
        <v>8</v>
      </c>
      <c r="E60" s="71" t="s">
        <v>143</v>
      </c>
      <c r="F60" s="71" t="s">
        <v>388</v>
      </c>
      <c r="G60" s="319" t="s">
        <v>198</v>
      </c>
    </row>
    <row r="61" spans="1:7" ht="36">
      <c r="A61" s="10"/>
      <c r="B61" s="10"/>
      <c r="C61" s="1"/>
      <c r="D61" s="4"/>
      <c r="E61" s="5" t="s">
        <v>10</v>
      </c>
      <c r="F61" s="5" t="s">
        <v>83</v>
      </c>
      <c r="G61" s="319"/>
    </row>
    <row r="62" spans="1:7" ht="29.25" customHeight="1">
      <c r="A62" s="65"/>
      <c r="B62" s="66"/>
      <c r="C62" s="67"/>
      <c r="D62" s="70">
        <v>9</v>
      </c>
      <c r="E62" s="71" t="s">
        <v>228</v>
      </c>
      <c r="F62" s="71" t="s">
        <v>229</v>
      </c>
      <c r="G62" s="319" t="s">
        <v>198</v>
      </c>
    </row>
    <row r="63" spans="1:7" ht="24">
      <c r="A63" s="10"/>
      <c r="B63" s="10"/>
      <c r="C63" s="1"/>
      <c r="D63" s="4"/>
      <c r="E63" s="5" t="s">
        <v>11</v>
      </c>
      <c r="F63" s="5" t="s">
        <v>78</v>
      </c>
      <c r="G63" s="319"/>
    </row>
    <row r="64" spans="1:7" s="53" customFormat="1" ht="12.75">
      <c r="A64" s="10"/>
      <c r="B64" s="10"/>
      <c r="C64" s="1"/>
      <c r="D64" s="2"/>
      <c r="E64" s="3"/>
      <c r="F64" s="3"/>
      <c r="G64" s="39" t="s">
        <v>389</v>
      </c>
    </row>
    <row r="65" spans="1:7" s="53" customFormat="1" ht="12.75">
      <c r="A65" s="10"/>
      <c r="B65" s="10"/>
      <c r="C65" s="1"/>
      <c r="D65" s="2"/>
      <c r="E65" s="3"/>
      <c r="F65" s="3"/>
      <c r="G65" s="39"/>
    </row>
    <row r="66" spans="1:7" s="53" customFormat="1" ht="12.75"/>
    <row r="67" spans="1:7" s="53" customFormat="1" ht="12.75">
      <c r="A67" s="318" t="s">
        <v>213</v>
      </c>
      <c r="B67" s="318"/>
      <c r="C67" s="318"/>
      <c r="D67" s="318"/>
      <c r="E67" s="318"/>
      <c r="F67" s="318"/>
      <c r="G67" s="318"/>
    </row>
    <row r="68" spans="1:7" s="53" customFormat="1" ht="12.75">
      <c r="A68" s="10"/>
      <c r="B68" s="10"/>
      <c r="C68" s="1" t="s">
        <v>96</v>
      </c>
      <c r="D68" s="2"/>
      <c r="E68" s="3"/>
      <c r="F68" s="3"/>
      <c r="G68" s="40"/>
    </row>
    <row r="69" spans="1:7" s="64" customFormat="1" ht="16.5" thickBot="1">
      <c r="A69" s="58"/>
      <c r="B69" s="59"/>
      <c r="C69" s="60"/>
      <c r="D69" s="61" t="s">
        <v>16</v>
      </c>
      <c r="E69" s="62" t="s">
        <v>368</v>
      </c>
      <c r="F69" s="62" t="s">
        <v>369</v>
      </c>
      <c r="G69" s="63" t="s">
        <v>127</v>
      </c>
    </row>
    <row r="70" spans="1:7" s="164" customFormat="1" ht="16.5" thickTop="1">
      <c r="A70" s="214"/>
      <c r="B70" s="215"/>
      <c r="C70" s="216"/>
      <c r="D70" s="217">
        <v>10</v>
      </c>
      <c r="E70" s="72" t="s">
        <v>502</v>
      </c>
      <c r="F70" s="72" t="s">
        <v>503</v>
      </c>
      <c r="G70" s="319" t="s">
        <v>198</v>
      </c>
    </row>
    <row r="71" spans="1:7" s="164" customFormat="1" ht="12.75" customHeight="1">
      <c r="A71" s="208"/>
      <c r="B71" s="208"/>
      <c r="C71" s="212"/>
      <c r="D71" s="213"/>
      <c r="E71" s="41" t="s">
        <v>504</v>
      </c>
      <c r="F71" s="41" t="s">
        <v>64</v>
      </c>
      <c r="G71" s="319"/>
    </row>
    <row r="72" spans="1:7" s="164" customFormat="1">
      <c r="A72" s="214"/>
      <c r="B72" s="215"/>
      <c r="C72" s="216"/>
      <c r="D72" s="217">
        <v>11</v>
      </c>
      <c r="E72" s="72" t="s">
        <v>505</v>
      </c>
      <c r="F72" s="72" t="s">
        <v>493</v>
      </c>
      <c r="G72" s="319" t="s">
        <v>198</v>
      </c>
    </row>
    <row r="73" spans="1:7" s="164" customFormat="1" ht="12.75" customHeight="1">
      <c r="A73" s="208"/>
      <c r="B73" s="208"/>
      <c r="C73" s="212"/>
      <c r="D73" s="213"/>
      <c r="E73" s="41" t="s">
        <v>267</v>
      </c>
      <c r="F73" s="41" t="s">
        <v>62</v>
      </c>
      <c r="G73" s="319"/>
    </row>
    <row r="74" spans="1:7" s="164" customFormat="1">
      <c r="A74" s="214"/>
      <c r="B74" s="215"/>
      <c r="C74" s="216"/>
      <c r="D74" s="217">
        <v>12</v>
      </c>
      <c r="E74" s="72" t="s">
        <v>506</v>
      </c>
      <c r="F74" s="72" t="s">
        <v>507</v>
      </c>
      <c r="G74" s="319" t="s">
        <v>198</v>
      </c>
    </row>
    <row r="75" spans="1:7" s="164" customFormat="1" ht="12.75" customHeight="1">
      <c r="A75" s="208"/>
      <c r="B75" s="208"/>
      <c r="C75" s="212"/>
      <c r="D75" s="213"/>
      <c r="E75" s="41" t="s">
        <v>4</v>
      </c>
      <c r="F75" s="41" t="s">
        <v>62</v>
      </c>
      <c r="G75" s="319"/>
    </row>
    <row r="76" spans="1:7" s="164" customFormat="1" ht="27">
      <c r="A76" s="214"/>
      <c r="B76" s="215"/>
      <c r="C76" s="216"/>
      <c r="D76" s="217">
        <v>13</v>
      </c>
      <c r="E76" s="72" t="s">
        <v>508</v>
      </c>
      <c r="F76" s="72" t="s">
        <v>507</v>
      </c>
      <c r="G76" s="319" t="s">
        <v>198</v>
      </c>
    </row>
    <row r="77" spans="1:7" s="164" customFormat="1" ht="24">
      <c r="A77" s="208"/>
      <c r="B77" s="208"/>
      <c r="C77" s="212"/>
      <c r="D77" s="213"/>
      <c r="E77" s="41" t="s">
        <v>82</v>
      </c>
      <c r="F77" s="41" t="s">
        <v>62</v>
      </c>
      <c r="G77" s="319"/>
    </row>
    <row r="78" spans="1:7" s="164" customFormat="1">
      <c r="A78" s="214"/>
      <c r="B78" s="215"/>
      <c r="C78" s="216"/>
      <c r="D78" s="217">
        <v>14</v>
      </c>
      <c r="E78" s="72" t="s">
        <v>509</v>
      </c>
      <c r="F78" s="72" t="s">
        <v>500</v>
      </c>
      <c r="G78" s="319" t="s">
        <v>198</v>
      </c>
    </row>
    <row r="79" spans="1:7" s="164" customFormat="1" ht="12.75" customHeight="1">
      <c r="A79" s="208"/>
      <c r="B79" s="208"/>
      <c r="C79" s="212"/>
      <c r="D79" s="213"/>
      <c r="E79" s="41" t="s">
        <v>12</v>
      </c>
      <c r="F79" s="41" t="s">
        <v>76</v>
      </c>
      <c r="G79" s="319"/>
    </row>
    <row r="80" spans="1:7" s="164" customFormat="1" ht="27.75">
      <c r="A80" s="214"/>
      <c r="B80" s="215"/>
      <c r="C80" s="216"/>
      <c r="D80" s="217">
        <v>15</v>
      </c>
      <c r="E80" s="72" t="s">
        <v>510</v>
      </c>
      <c r="F80" s="72" t="s">
        <v>511</v>
      </c>
      <c r="G80" s="319" t="s">
        <v>198</v>
      </c>
    </row>
    <row r="81" spans="1:7" s="164" customFormat="1" ht="24">
      <c r="A81" s="208"/>
      <c r="B81" s="208"/>
      <c r="C81" s="212"/>
      <c r="D81" s="213"/>
      <c r="E81" s="41" t="s">
        <v>47</v>
      </c>
      <c r="F81" s="41" t="s">
        <v>79</v>
      </c>
      <c r="G81" s="319"/>
    </row>
    <row r="82" spans="1:7" s="164" customFormat="1">
      <c r="A82" s="214"/>
      <c r="B82" s="215"/>
      <c r="C82" s="216"/>
      <c r="D82" s="217">
        <v>16</v>
      </c>
      <c r="E82" s="72" t="s">
        <v>512</v>
      </c>
      <c r="F82" s="72" t="s">
        <v>493</v>
      </c>
      <c r="G82" s="319" t="s">
        <v>198</v>
      </c>
    </row>
    <row r="83" spans="1:7" s="164" customFormat="1" ht="12.75" customHeight="1">
      <c r="A83" s="208"/>
      <c r="B83" s="208"/>
      <c r="C83" s="212"/>
      <c r="D83" s="213"/>
      <c r="E83" s="41" t="s">
        <v>13</v>
      </c>
      <c r="F83" s="41" t="s">
        <v>62</v>
      </c>
      <c r="G83" s="319"/>
    </row>
    <row r="84" spans="1:7" s="164" customFormat="1">
      <c r="A84" s="214"/>
      <c r="B84" s="215"/>
      <c r="C84" s="216"/>
      <c r="D84" s="217">
        <v>17</v>
      </c>
      <c r="E84" s="72" t="s">
        <v>513</v>
      </c>
      <c r="F84" s="72" t="s">
        <v>514</v>
      </c>
      <c r="G84" s="319" t="s">
        <v>198</v>
      </c>
    </row>
    <row r="85" spans="1:7" s="164" customFormat="1" ht="12.75" customHeight="1">
      <c r="A85" s="208"/>
      <c r="B85" s="208"/>
      <c r="C85" s="212"/>
      <c r="D85" s="213"/>
      <c r="E85" s="41" t="s">
        <v>515</v>
      </c>
      <c r="F85" s="41" t="s">
        <v>62</v>
      </c>
      <c r="G85" s="319"/>
    </row>
    <row r="86" spans="1:7" s="164" customFormat="1" ht="28.5">
      <c r="A86" s="214"/>
      <c r="B86" s="215"/>
      <c r="C86" s="216"/>
      <c r="D86" s="217">
        <v>18</v>
      </c>
      <c r="E86" s="72" t="s">
        <v>516</v>
      </c>
      <c r="F86" s="72" t="s">
        <v>493</v>
      </c>
      <c r="G86" s="319" t="s">
        <v>198</v>
      </c>
    </row>
    <row r="87" spans="1:7" s="164" customFormat="1" ht="12.75" customHeight="1">
      <c r="A87" s="208"/>
      <c r="B87" s="208"/>
      <c r="C87" s="212"/>
      <c r="D87" s="213"/>
      <c r="E87" s="41" t="s">
        <v>517</v>
      </c>
      <c r="F87" s="41" t="s">
        <v>62</v>
      </c>
      <c r="G87" s="319"/>
    </row>
    <row r="88" spans="1:7" s="164" customFormat="1" ht="30" customHeight="1">
      <c r="A88" s="214"/>
      <c r="B88" s="215"/>
      <c r="C88" s="216"/>
      <c r="D88" s="217">
        <v>19</v>
      </c>
      <c r="E88" s="72" t="s">
        <v>518</v>
      </c>
      <c r="F88" s="72" t="s">
        <v>519</v>
      </c>
      <c r="G88" s="319" t="s">
        <v>198</v>
      </c>
    </row>
    <row r="89" spans="1:7" s="164" customFormat="1" ht="12.75" customHeight="1">
      <c r="A89" s="208"/>
      <c r="B89" s="208"/>
      <c r="C89" s="212"/>
      <c r="D89" s="213"/>
      <c r="E89" s="41" t="s">
        <v>520</v>
      </c>
      <c r="F89" s="41" t="s">
        <v>62</v>
      </c>
      <c r="G89" s="319"/>
    </row>
    <row r="90" spans="1:7" s="164" customFormat="1">
      <c r="A90" s="214"/>
      <c r="B90" s="215"/>
      <c r="C90" s="216"/>
      <c r="D90" s="217">
        <v>20</v>
      </c>
      <c r="E90" s="72" t="s">
        <v>521</v>
      </c>
      <c r="F90" s="72" t="s">
        <v>522</v>
      </c>
      <c r="G90" s="319" t="s">
        <v>198</v>
      </c>
    </row>
    <row r="91" spans="1:7" s="164" customFormat="1" ht="12.75" customHeight="1">
      <c r="A91" s="208"/>
      <c r="B91" s="208"/>
      <c r="C91" s="212"/>
      <c r="D91" s="213"/>
      <c r="E91" s="41" t="s">
        <v>208</v>
      </c>
      <c r="F91" s="41" t="s">
        <v>124</v>
      </c>
      <c r="G91" s="319"/>
    </row>
    <row r="92" spans="1:7" s="164" customFormat="1">
      <c r="A92" s="214"/>
      <c r="B92" s="215"/>
      <c r="C92" s="216"/>
      <c r="D92" s="217">
        <v>21</v>
      </c>
      <c r="E92" s="72" t="s">
        <v>523</v>
      </c>
      <c r="F92" s="72" t="s">
        <v>493</v>
      </c>
      <c r="G92" s="319" t="s">
        <v>198</v>
      </c>
    </row>
    <row r="93" spans="1:7" s="164" customFormat="1" ht="12.75">
      <c r="A93" s="208"/>
      <c r="B93" s="208"/>
      <c r="C93" s="212"/>
      <c r="D93" s="213"/>
      <c r="E93" s="41" t="s">
        <v>349</v>
      </c>
      <c r="F93" s="41" t="s">
        <v>62</v>
      </c>
      <c r="G93" s="319"/>
    </row>
    <row r="94" spans="1:7" s="53" customFormat="1">
      <c r="A94" s="52"/>
      <c r="B94" s="54"/>
      <c r="C94" s="335" t="s">
        <v>373</v>
      </c>
      <c r="D94" s="335"/>
      <c r="E94" s="335"/>
      <c r="F94" s="335"/>
      <c r="G94" s="335"/>
    </row>
    <row r="95" spans="1:7" s="53" customFormat="1" ht="12.75">
      <c r="A95" s="10"/>
      <c r="B95" s="10"/>
      <c r="C95" s="338" t="s">
        <v>88</v>
      </c>
      <c r="D95" s="338"/>
      <c r="E95" s="338"/>
      <c r="F95" s="338"/>
      <c r="G95" s="338"/>
    </row>
    <row r="96" spans="1:7" s="53" customFormat="1">
      <c r="A96" s="52"/>
      <c r="B96" s="54"/>
      <c r="C96" s="335" t="s">
        <v>390</v>
      </c>
      <c r="D96" s="335"/>
      <c r="E96" s="335"/>
      <c r="F96" s="335"/>
      <c r="G96" s="335"/>
    </row>
    <row r="97" spans="1:7" s="53" customFormat="1" ht="12.75">
      <c r="A97" s="10"/>
      <c r="B97" s="10"/>
      <c r="C97" s="338" t="s">
        <v>89</v>
      </c>
      <c r="D97" s="338"/>
      <c r="E97" s="338"/>
      <c r="F97" s="338"/>
      <c r="G97" s="338"/>
    </row>
    <row r="98" spans="1:7" s="53" customFormat="1">
      <c r="A98" s="52"/>
      <c r="B98" s="54"/>
      <c r="C98" s="335" t="s">
        <v>391</v>
      </c>
      <c r="D98" s="335"/>
      <c r="E98" s="335"/>
      <c r="F98" s="335"/>
      <c r="G98" s="335"/>
    </row>
    <row r="99" spans="1:7" s="53" customFormat="1" ht="12.75">
      <c r="A99" s="10"/>
      <c r="B99" s="10"/>
      <c r="C99" s="338" t="s">
        <v>90</v>
      </c>
      <c r="D99" s="338"/>
      <c r="E99" s="338"/>
      <c r="F99" s="338"/>
      <c r="G99" s="338"/>
    </row>
    <row r="100" spans="1:7" s="53" customFormat="1">
      <c r="A100" s="52"/>
      <c r="B100" s="54"/>
      <c r="C100" s="335" t="s">
        <v>392</v>
      </c>
      <c r="D100" s="335"/>
      <c r="E100" s="335"/>
      <c r="F100" s="335"/>
      <c r="G100" s="335"/>
    </row>
    <row r="101" spans="1:7" s="53" customFormat="1" ht="12.75">
      <c r="A101" s="10"/>
      <c r="B101" s="10"/>
      <c r="C101" s="338" t="s">
        <v>91</v>
      </c>
      <c r="D101" s="338"/>
      <c r="E101" s="338"/>
      <c r="F101" s="338"/>
      <c r="G101" s="338"/>
    </row>
    <row r="102" spans="1:7" s="53" customFormat="1" ht="22.5" customHeight="1">
      <c r="A102" s="52"/>
      <c r="B102" s="54"/>
      <c r="C102" s="339" t="s">
        <v>202</v>
      </c>
      <c r="D102" s="339"/>
      <c r="E102" s="339"/>
      <c r="F102" s="339"/>
      <c r="G102" s="339"/>
    </row>
    <row r="103" spans="1:7" s="165" customFormat="1" ht="12.75">
      <c r="A103" s="208"/>
      <c r="B103" s="208"/>
      <c r="C103" s="321" t="s">
        <v>524</v>
      </c>
      <c r="D103" s="321"/>
      <c r="E103" s="321"/>
      <c r="F103" s="321"/>
      <c r="G103" s="321"/>
    </row>
    <row r="104" spans="1:7" s="53" customFormat="1" ht="12.75">
      <c r="A104" s="10"/>
      <c r="B104" s="10"/>
      <c r="C104" s="1"/>
      <c r="D104" s="2"/>
      <c r="E104" s="3"/>
      <c r="F104" s="3"/>
      <c r="G104" s="1"/>
    </row>
    <row r="105" spans="1:7" s="53" customFormat="1">
      <c r="A105" s="52"/>
      <c r="B105" s="54" t="s">
        <v>193</v>
      </c>
      <c r="C105" s="55"/>
      <c r="D105" s="56"/>
      <c r="E105" s="57"/>
      <c r="F105" s="57"/>
      <c r="G105" s="55"/>
    </row>
    <row r="106" spans="1:7" s="53" customFormat="1" ht="12.75">
      <c r="A106" s="10"/>
      <c r="B106" s="13" t="s">
        <v>95</v>
      </c>
      <c r="C106" s="1"/>
      <c r="D106" s="2"/>
      <c r="E106" s="3"/>
      <c r="F106" s="3"/>
      <c r="G106" s="1"/>
    </row>
    <row r="107" spans="1:7" s="53" customFormat="1">
      <c r="A107" s="52"/>
      <c r="B107" s="54"/>
      <c r="C107" s="323" t="s">
        <v>201</v>
      </c>
      <c r="D107" s="323"/>
      <c r="E107" s="323"/>
      <c r="F107" s="323"/>
      <c r="G107" s="323"/>
    </row>
    <row r="108" spans="1:7" ht="16.5" thickBot="1">
      <c r="A108" s="65"/>
      <c r="B108" s="66"/>
      <c r="C108" s="67"/>
      <c r="D108" s="61" t="s">
        <v>16</v>
      </c>
      <c r="E108" s="73" t="s">
        <v>144</v>
      </c>
      <c r="F108" s="73" t="s">
        <v>145</v>
      </c>
      <c r="G108" s="63" t="s">
        <v>146</v>
      </c>
    </row>
    <row r="109" spans="1:7" ht="16.5" thickTop="1">
      <c r="A109" s="65"/>
      <c r="B109" s="66"/>
      <c r="C109" s="67"/>
      <c r="D109" s="68">
        <v>1</v>
      </c>
      <c r="E109" s="69" t="s">
        <v>230</v>
      </c>
      <c r="F109" s="69" t="s">
        <v>393</v>
      </c>
      <c r="G109" s="319" t="s">
        <v>198</v>
      </c>
    </row>
    <row r="110" spans="1:7" ht="12.75" customHeight="1">
      <c r="A110" s="10"/>
      <c r="B110" s="10"/>
      <c r="C110" s="1"/>
      <c r="D110" s="15"/>
      <c r="E110" s="16" t="s">
        <v>80</v>
      </c>
      <c r="F110" s="5" t="s">
        <v>81</v>
      </c>
      <c r="G110" s="319"/>
    </row>
    <row r="111" spans="1:7">
      <c r="A111" s="65"/>
      <c r="B111" s="66"/>
      <c r="C111" s="67"/>
      <c r="D111" s="68"/>
      <c r="E111" s="69" t="s">
        <v>147</v>
      </c>
      <c r="F111" s="71" t="s">
        <v>148</v>
      </c>
      <c r="G111" s="336" t="s">
        <v>125</v>
      </c>
    </row>
    <row r="112" spans="1:7" ht="12.75">
      <c r="A112" s="10"/>
      <c r="B112" s="10"/>
      <c r="C112" s="1"/>
      <c r="D112" s="15"/>
      <c r="E112" s="16" t="s">
        <v>48</v>
      </c>
      <c r="F112" s="5" t="s">
        <v>281</v>
      </c>
      <c r="G112" s="337"/>
    </row>
    <row r="113" spans="1:7" ht="74.25" customHeight="1">
      <c r="A113" s="65"/>
      <c r="B113" s="66"/>
      <c r="C113" s="67"/>
      <c r="D113" s="68"/>
      <c r="E113" s="69"/>
      <c r="F113" s="71" t="s">
        <v>394</v>
      </c>
      <c r="G113" s="336" t="s">
        <v>261</v>
      </c>
    </row>
    <row r="114" spans="1:7" ht="48">
      <c r="A114" s="10"/>
      <c r="B114" s="10"/>
      <c r="C114" s="1"/>
      <c r="D114" s="15"/>
      <c r="E114" s="16"/>
      <c r="F114" s="16" t="s">
        <v>84</v>
      </c>
      <c r="G114" s="341"/>
    </row>
    <row r="115" spans="1:7">
      <c r="A115" s="65"/>
      <c r="B115" s="66"/>
      <c r="C115" s="67"/>
      <c r="D115" s="68"/>
      <c r="E115" s="69"/>
      <c r="F115" s="74" t="s">
        <v>149</v>
      </c>
      <c r="G115" s="342"/>
    </row>
    <row r="116" spans="1:7" ht="12.75">
      <c r="A116" s="10"/>
      <c r="B116" s="10"/>
      <c r="C116" s="1"/>
      <c r="D116" s="15"/>
      <c r="E116" s="16"/>
      <c r="F116" s="17" t="s">
        <v>85</v>
      </c>
      <c r="G116" s="343"/>
    </row>
    <row r="117" spans="1:7">
      <c r="A117" s="65"/>
      <c r="B117" s="66"/>
      <c r="C117" s="67"/>
      <c r="D117" s="68"/>
      <c r="E117" s="69"/>
      <c r="F117" s="74" t="s">
        <v>395</v>
      </c>
      <c r="G117" s="344"/>
    </row>
    <row r="118" spans="1:7" ht="12.75">
      <c r="A118" s="10"/>
      <c r="B118" s="10"/>
      <c r="C118" s="1"/>
      <c r="D118" s="4"/>
      <c r="E118" s="5"/>
      <c r="F118" s="14" t="s">
        <v>86</v>
      </c>
      <c r="G118" s="345"/>
    </row>
    <row r="119" spans="1:7" s="53" customFormat="1">
      <c r="A119" s="52"/>
      <c r="B119" s="54"/>
      <c r="C119" s="335" t="s">
        <v>150</v>
      </c>
      <c r="D119" s="335"/>
      <c r="E119" s="335"/>
      <c r="F119" s="335"/>
      <c r="G119" s="335"/>
    </row>
    <row r="120" spans="1:7" s="53" customFormat="1" ht="12.75">
      <c r="A120" s="10"/>
      <c r="B120" s="10"/>
      <c r="C120" s="338" t="s">
        <v>92</v>
      </c>
      <c r="D120" s="338"/>
      <c r="E120" s="338"/>
      <c r="F120" s="338"/>
      <c r="G120" s="338"/>
    </row>
    <row r="121" spans="1:7" s="53" customFormat="1" ht="19.5" customHeight="1">
      <c r="A121" s="52"/>
      <c r="B121" s="54"/>
      <c r="C121" s="346" t="s">
        <v>203</v>
      </c>
      <c r="D121" s="346"/>
      <c r="E121" s="346"/>
      <c r="F121" s="346"/>
      <c r="G121" s="346"/>
    </row>
    <row r="122" spans="1:7" s="53" customFormat="1">
      <c r="A122" s="75"/>
      <c r="B122" s="76"/>
      <c r="C122" s="340" t="s">
        <v>204</v>
      </c>
      <c r="D122" s="340"/>
      <c r="E122" s="340"/>
      <c r="F122" s="340"/>
      <c r="G122" s="340"/>
    </row>
    <row r="123" spans="1:7" s="53" customFormat="1" ht="12.75" customHeight="1">
      <c r="A123" s="75"/>
      <c r="B123" s="76"/>
      <c r="D123" s="129"/>
      <c r="E123" s="333" t="s">
        <v>151</v>
      </c>
      <c r="F123" s="330"/>
    </row>
    <row r="124" spans="1:7" ht="23.25" customHeight="1">
      <c r="C124" s="46"/>
      <c r="D124" s="46"/>
      <c r="E124" s="333"/>
      <c r="F124" s="331"/>
    </row>
    <row r="125" spans="1:7">
      <c r="C125" s="46"/>
      <c r="D125" s="46"/>
      <c r="E125" s="332" t="s">
        <v>152</v>
      </c>
      <c r="F125" s="330"/>
    </row>
    <row r="126" spans="1:7" ht="23.25" customHeight="1">
      <c r="E126" s="332"/>
      <c r="F126" s="331"/>
    </row>
    <row r="127" spans="1:7">
      <c r="F127" s="306" t="s">
        <v>641</v>
      </c>
    </row>
    <row r="128" spans="1:7" ht="12.75">
      <c r="A128" s="318" t="s">
        <v>214</v>
      </c>
      <c r="B128" s="318"/>
      <c r="C128" s="318"/>
      <c r="D128" s="318"/>
      <c r="E128" s="318"/>
      <c r="F128" s="318"/>
      <c r="G128" s="318"/>
    </row>
  </sheetData>
  <sheetProtection password="E0C6" sheet="1" scenarios="1" selectLockedCells="1"/>
  <mergeCells count="67">
    <mergeCell ref="C122:G122"/>
    <mergeCell ref="G113:G114"/>
    <mergeCell ref="G115:G116"/>
    <mergeCell ref="G117:G118"/>
    <mergeCell ref="C119:G119"/>
    <mergeCell ref="C120:G120"/>
    <mergeCell ref="C121:G121"/>
    <mergeCell ref="G111:G112"/>
    <mergeCell ref="C95:G95"/>
    <mergeCell ref="C96:G96"/>
    <mergeCell ref="C97:G97"/>
    <mergeCell ref="C98:G98"/>
    <mergeCell ref="C99:G99"/>
    <mergeCell ref="C100:G100"/>
    <mergeCell ref="C101:G101"/>
    <mergeCell ref="C102:G102"/>
    <mergeCell ref="C103:G103"/>
    <mergeCell ref="C107:G107"/>
    <mergeCell ref="G109:G110"/>
    <mergeCell ref="C94:G94"/>
    <mergeCell ref="G72:G73"/>
    <mergeCell ref="G74:G75"/>
    <mergeCell ref="G76:G77"/>
    <mergeCell ref="G78:G79"/>
    <mergeCell ref="G80:G81"/>
    <mergeCell ref="G82:G83"/>
    <mergeCell ref="G84:G85"/>
    <mergeCell ref="G86:G87"/>
    <mergeCell ref="G88:G89"/>
    <mergeCell ref="G90:G91"/>
    <mergeCell ref="G92:G93"/>
    <mergeCell ref="G70:G71"/>
    <mergeCell ref="C39:G39"/>
    <mergeCell ref="C44:G44"/>
    <mergeCell ref="G46:G47"/>
    <mergeCell ref="G48:G49"/>
    <mergeCell ref="G50:G51"/>
    <mergeCell ref="G52:G53"/>
    <mergeCell ref="G54:G55"/>
    <mergeCell ref="G56:G57"/>
    <mergeCell ref="G58:G59"/>
    <mergeCell ref="G60:G61"/>
    <mergeCell ref="G62:G63"/>
    <mergeCell ref="A67:G67"/>
    <mergeCell ref="C6:G6"/>
    <mergeCell ref="G8:G9"/>
    <mergeCell ref="G10:G11"/>
    <mergeCell ref="G12:G13"/>
    <mergeCell ref="G14:G15"/>
    <mergeCell ref="G16:G17"/>
    <mergeCell ref="C38:G38"/>
    <mergeCell ref="G18:G19"/>
    <mergeCell ref="G20:G21"/>
    <mergeCell ref="G22:G23"/>
    <mergeCell ref="G24:G25"/>
    <mergeCell ref="G26:G27"/>
    <mergeCell ref="G28:G29"/>
    <mergeCell ref="G30:G31"/>
    <mergeCell ref="G32:G33"/>
    <mergeCell ref="G34:G35"/>
    <mergeCell ref="C36:G36"/>
    <mergeCell ref="C37:G37"/>
    <mergeCell ref="A128:G128"/>
    <mergeCell ref="F125:F126"/>
    <mergeCell ref="E125:E126"/>
    <mergeCell ref="E123:E124"/>
    <mergeCell ref="F123:F124"/>
  </mergeCells>
  <phoneticPr fontId="5"/>
  <conditionalFormatting sqref="G113">
    <cfRule type="cellIs" dxfId="103" priority="31" operator="equal">
      <formula>"Used"</formula>
    </cfRule>
  </conditionalFormatting>
  <conditionalFormatting sqref="G8">
    <cfRule type="cellIs" dxfId="102" priority="9" operator="equal">
      <formula>"Not Applicable"</formula>
    </cfRule>
  </conditionalFormatting>
  <conditionalFormatting sqref="G10">
    <cfRule type="cellIs" dxfId="101" priority="8" operator="equal">
      <formula>"Not Applicable"</formula>
    </cfRule>
  </conditionalFormatting>
  <conditionalFormatting sqref="G12">
    <cfRule type="cellIs" dxfId="100" priority="7" operator="equal">
      <formula>"Not Applicable"</formula>
    </cfRule>
  </conditionalFormatting>
  <conditionalFormatting sqref="G14 G16 G18 G20 G22 G24 G26 G28 G30 G32 G34">
    <cfRule type="cellIs" dxfId="99" priority="6" operator="equal">
      <formula>"Not Applicable"</formula>
    </cfRule>
  </conditionalFormatting>
  <conditionalFormatting sqref="G46 G48 G50 G52 G54 G56 G58 G60 G62">
    <cfRule type="cellIs" dxfId="98" priority="5" operator="equal">
      <formula>"Not Applicable"</formula>
    </cfRule>
  </conditionalFormatting>
  <conditionalFormatting sqref="G70 G72 G74 G76 G78 G80 G82 G84 G86 G88 G90">
    <cfRule type="cellIs" dxfId="97" priority="4" operator="equal">
      <formula>"Not Applicable"</formula>
    </cfRule>
  </conditionalFormatting>
  <conditionalFormatting sqref="G109">
    <cfRule type="cellIs" dxfId="96" priority="3" operator="equal">
      <formula>"Not Applicable"</formula>
    </cfRule>
  </conditionalFormatting>
  <conditionalFormatting sqref="G92">
    <cfRule type="cellIs" dxfId="95" priority="1" operator="equal">
      <formula>"Not Applicable"</formula>
    </cfRule>
  </conditionalFormatting>
  <dataValidations count="3">
    <dataValidation type="list" allowBlank="1" showInputMessage="1" showErrorMessage="1" promptTitle="入力内容" prompt="使用している： Used_x000a_使用していない： Not Used" sqref="G113">
      <formula1>"&lt; Used / Not Used &gt;, Used, Not Used"</formula1>
    </dataValidation>
    <dataValidation type="list" allowBlank="1" showInputMessage="1" showErrorMessage="1" prompt="Use PWB： Yes_x000a_Do not use PWB： No" sqref="G111">
      <formula1>"&lt; Yes / No &gt;, Yes, No"</formula1>
    </dataValidation>
    <dataValidation type="list" showInputMessage="1" showErrorMessage="1" promptTitle="入力内容" prompt="判定基準を満たす： Applicable_x000a_満たさない： Not Applicable" sqref="G8 G10 G12 G14 G16 G18 G20 G22 G24 G26 G28 G30 G32 G34 G46 G48 G50 G52 G54 G56 G58 G60 G62 G70 G72 G74 G76 G78 G80 G82 G84 G86 G88 G90 G109 G92">
      <formula1>"&lt; Applicable                  / Not Applicable &gt;, Applicable, Not Applicable"</formula1>
    </dataValidation>
  </dataValidations>
  <printOptions horizontalCentered="1"/>
  <pageMargins left="0.59055118110236227" right="0.59055118110236227" top="0.59055118110236227" bottom="0.59055118110236227" header="0.31496062992125984" footer="0.31496062992125984"/>
  <pageSetup paperSize="9" scale="69" fitToHeight="2" orientation="portrait" r:id="rId1"/>
  <headerFooter>
    <oddFooter>&amp;RV.10.0 (revised on Jun. 2018)</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A1:I82"/>
  <sheetViews>
    <sheetView showGridLines="0" view="pageBreakPreview" zoomScaleNormal="100" zoomScaleSheetLayoutView="100" workbookViewId="0">
      <selection activeCell="I7" sqref="I7:I8"/>
    </sheetView>
  </sheetViews>
  <sheetFormatPr defaultColWidth="0.85546875" defaultRowHeight="15.75"/>
  <cols>
    <col min="1" max="1" width="2.140625" style="75" customWidth="1"/>
    <col min="2" max="2" width="1.85546875" style="77" customWidth="1"/>
    <col min="3" max="3" width="4" style="78" bestFit="1" customWidth="1"/>
    <col min="4" max="4" width="3" style="79" customWidth="1"/>
    <col min="5" max="5" width="12.5703125" style="78" customWidth="1"/>
    <col min="6" max="6" width="5.42578125" style="80" bestFit="1" customWidth="1"/>
    <col min="7" max="7" width="98.85546875" style="81" customWidth="1"/>
    <col min="8" max="8" width="13.42578125" style="78" bestFit="1" customWidth="1"/>
    <col min="9" max="9" width="13.140625" style="79" customWidth="1"/>
    <col min="10" max="16384" width="0.85546875" style="79"/>
  </cols>
  <sheetData>
    <row r="1" spans="1:9">
      <c r="I1" s="9" t="str">
        <f>A.RoHS!G1</f>
        <v xml:space="preserve"> </v>
      </c>
    </row>
    <row r="2" spans="1:9">
      <c r="A2" s="75" t="s">
        <v>396</v>
      </c>
    </row>
    <row r="3" spans="1:9">
      <c r="B3" s="77" t="s">
        <v>397</v>
      </c>
    </row>
    <row r="4" spans="1:9" ht="14.25">
      <c r="A4" s="18"/>
      <c r="B4" s="18" t="s">
        <v>264</v>
      </c>
      <c r="C4" s="31"/>
      <c r="D4" s="19"/>
      <c r="E4" s="31"/>
      <c r="F4" s="20"/>
      <c r="G4" s="21"/>
    </row>
    <row r="5" spans="1:9" ht="26.25" thickBot="1">
      <c r="C5" s="353" t="s">
        <v>398</v>
      </c>
      <c r="D5" s="354"/>
      <c r="E5" s="355"/>
      <c r="F5" s="82" t="s">
        <v>16</v>
      </c>
      <c r="G5" s="83" t="s">
        <v>399</v>
      </c>
      <c r="H5" s="84" t="s">
        <v>400</v>
      </c>
      <c r="I5" s="85" t="s">
        <v>154</v>
      </c>
    </row>
    <row r="6" spans="1:9" ht="16.5" thickTop="1">
      <c r="C6" s="86">
        <v>1</v>
      </c>
      <c r="D6" s="79" t="s">
        <v>401</v>
      </c>
      <c r="I6" s="87"/>
    </row>
    <row r="7" spans="1:9">
      <c r="C7" s="86"/>
      <c r="D7" s="88"/>
      <c r="E7" s="89" t="s">
        <v>402</v>
      </c>
      <c r="F7" s="237">
        <v>1</v>
      </c>
      <c r="G7" s="289" t="s">
        <v>609</v>
      </c>
      <c r="H7" s="220" t="s">
        <v>1</v>
      </c>
      <c r="I7" s="347" t="s">
        <v>262</v>
      </c>
    </row>
    <row r="8" spans="1:9" ht="14.25">
      <c r="A8" s="18"/>
      <c r="B8" s="18"/>
      <c r="C8" s="36"/>
      <c r="D8" s="25"/>
      <c r="E8" s="32" t="s">
        <v>14</v>
      </c>
      <c r="F8" s="235"/>
      <c r="G8" s="290" t="s">
        <v>197</v>
      </c>
      <c r="H8" s="291"/>
      <c r="I8" s="347"/>
    </row>
    <row r="9" spans="1:9">
      <c r="C9" s="86"/>
      <c r="D9" s="88"/>
      <c r="E9" s="95" t="s">
        <v>196</v>
      </c>
      <c r="F9" s="237">
        <v>2</v>
      </c>
      <c r="G9" s="289" t="s">
        <v>610</v>
      </c>
      <c r="H9" s="220" t="s">
        <v>98</v>
      </c>
      <c r="I9" s="197" t="s">
        <v>262</v>
      </c>
    </row>
    <row r="10" spans="1:9" ht="28.5" customHeight="1">
      <c r="C10" s="86"/>
      <c r="D10" s="88"/>
      <c r="E10" s="33" t="s">
        <v>15</v>
      </c>
      <c r="F10" s="292">
        <v>3</v>
      </c>
      <c r="G10" s="289" t="s">
        <v>611</v>
      </c>
      <c r="H10" s="220" t="s">
        <v>589</v>
      </c>
      <c r="I10" s="347" t="s">
        <v>262</v>
      </c>
    </row>
    <row r="11" spans="1:9" ht="26.25" customHeight="1">
      <c r="C11" s="86"/>
      <c r="D11" s="88"/>
      <c r="E11" s="33"/>
      <c r="F11" s="251"/>
      <c r="G11" s="290" t="s">
        <v>593</v>
      </c>
      <c r="H11" s="291"/>
      <c r="I11" s="347"/>
    </row>
    <row r="12" spans="1:9">
      <c r="C12" s="86"/>
      <c r="D12" s="88"/>
      <c r="E12" s="33"/>
      <c r="F12" s="237">
        <v>4</v>
      </c>
      <c r="G12" s="289" t="s">
        <v>612</v>
      </c>
      <c r="H12" s="247" t="s">
        <v>590</v>
      </c>
      <c r="I12" s="347" t="s">
        <v>262</v>
      </c>
    </row>
    <row r="13" spans="1:9">
      <c r="C13" s="86"/>
      <c r="D13" s="88"/>
      <c r="E13" s="33"/>
      <c r="F13" s="293"/>
      <c r="G13" s="290" t="s">
        <v>594</v>
      </c>
      <c r="H13" s="294"/>
      <c r="I13" s="347"/>
    </row>
    <row r="14" spans="1:9">
      <c r="C14" s="86"/>
      <c r="D14" s="88"/>
      <c r="E14" s="95"/>
      <c r="F14" s="237">
        <v>5</v>
      </c>
      <c r="G14" s="289" t="s">
        <v>613</v>
      </c>
      <c r="H14" s="247" t="s">
        <v>97</v>
      </c>
      <c r="I14" s="350" t="s">
        <v>262</v>
      </c>
    </row>
    <row r="15" spans="1:9">
      <c r="C15" s="86"/>
      <c r="D15" s="88"/>
      <c r="E15" s="33"/>
      <c r="F15" s="251"/>
      <c r="G15" s="290" t="s">
        <v>209</v>
      </c>
      <c r="H15" s="294"/>
      <c r="I15" s="351"/>
    </row>
    <row r="16" spans="1:9">
      <c r="C16" s="86"/>
      <c r="D16" s="88"/>
      <c r="E16" s="33"/>
      <c r="F16" s="26"/>
      <c r="G16" s="108" t="s">
        <v>403</v>
      </c>
      <c r="H16" s="94" t="s">
        <v>97</v>
      </c>
      <c r="I16" s="352" t="s">
        <v>126</v>
      </c>
    </row>
    <row r="17" spans="1:9">
      <c r="C17" s="86"/>
      <c r="D17" s="88"/>
      <c r="E17" s="33"/>
      <c r="F17" s="26"/>
      <c r="G17" s="109"/>
      <c r="H17" s="107"/>
      <c r="I17" s="351"/>
    </row>
    <row r="18" spans="1:9">
      <c r="C18" s="86"/>
      <c r="D18" s="88"/>
      <c r="E18" s="33"/>
      <c r="F18" s="26"/>
      <c r="G18" s="42" t="s">
        <v>211</v>
      </c>
      <c r="H18" s="94" t="s">
        <v>97</v>
      </c>
      <c r="I18" s="350"/>
    </row>
    <row r="19" spans="1:9">
      <c r="C19" s="93"/>
      <c r="D19" s="101"/>
      <c r="E19" s="34"/>
      <c r="F19" s="23"/>
      <c r="G19" s="79"/>
      <c r="H19" s="107"/>
      <c r="I19" s="351"/>
    </row>
    <row r="20" spans="1:9">
      <c r="C20" s="92">
        <v>2</v>
      </c>
      <c r="D20" s="96" t="s">
        <v>404</v>
      </c>
      <c r="E20" s="97"/>
      <c r="F20" s="98"/>
      <c r="G20" s="99"/>
      <c r="H20" s="97"/>
      <c r="I20" s="100"/>
    </row>
    <row r="21" spans="1:9">
      <c r="C21" s="86"/>
      <c r="D21" s="88"/>
      <c r="E21" s="89" t="s">
        <v>405</v>
      </c>
      <c r="F21" s="90">
        <v>1</v>
      </c>
      <c r="G21" s="91" t="s">
        <v>406</v>
      </c>
      <c r="H21" s="92" t="s">
        <v>97</v>
      </c>
      <c r="I21" s="347" t="s">
        <v>262</v>
      </c>
    </row>
    <row r="22" spans="1:9" ht="14.25">
      <c r="A22" s="18"/>
      <c r="B22" s="18"/>
      <c r="C22" s="36"/>
      <c r="D22" s="25"/>
      <c r="E22" s="35" t="s">
        <v>14</v>
      </c>
      <c r="F22" s="23"/>
      <c r="G22" s="24" t="s">
        <v>30</v>
      </c>
      <c r="H22" s="93"/>
      <c r="I22" s="347"/>
    </row>
    <row r="23" spans="1:9">
      <c r="C23" s="86"/>
      <c r="D23" s="88"/>
      <c r="E23" s="102"/>
      <c r="F23" s="90">
        <v>2</v>
      </c>
      <c r="G23" s="91" t="s">
        <v>407</v>
      </c>
      <c r="H23" s="92" t="s">
        <v>97</v>
      </c>
      <c r="I23" s="347" t="s">
        <v>262</v>
      </c>
    </row>
    <row r="24" spans="1:9" ht="14.25">
      <c r="A24" s="18"/>
      <c r="B24" s="18"/>
      <c r="C24" s="36"/>
      <c r="D24" s="25"/>
      <c r="E24" s="35"/>
      <c r="F24" s="23"/>
      <c r="G24" s="24" t="s">
        <v>31</v>
      </c>
      <c r="H24" s="93"/>
      <c r="I24" s="347"/>
    </row>
    <row r="25" spans="1:9">
      <c r="C25" s="86"/>
      <c r="D25" s="88"/>
      <c r="E25" s="102"/>
      <c r="F25" s="237">
        <v>3</v>
      </c>
      <c r="G25" s="289" t="s">
        <v>614</v>
      </c>
      <c r="H25" s="220" t="s">
        <v>97</v>
      </c>
      <c r="I25" s="347" t="s">
        <v>262</v>
      </c>
    </row>
    <row r="26" spans="1:9" ht="14.25">
      <c r="A26" s="18"/>
      <c r="B26" s="18"/>
      <c r="C26" s="36"/>
      <c r="D26" s="25"/>
      <c r="E26" s="32"/>
      <c r="F26" s="235"/>
      <c r="G26" s="290" t="s">
        <v>615</v>
      </c>
      <c r="H26" s="291"/>
      <c r="I26" s="347"/>
    </row>
    <row r="27" spans="1:9">
      <c r="C27" s="86"/>
      <c r="D27" s="88"/>
      <c r="E27" s="94" t="s">
        <v>408</v>
      </c>
      <c r="F27" s="237">
        <v>4</v>
      </c>
      <c r="G27" s="289" t="s">
        <v>616</v>
      </c>
      <c r="H27" s="220" t="s">
        <v>99</v>
      </c>
      <c r="I27" s="347" t="s">
        <v>262</v>
      </c>
    </row>
    <row r="28" spans="1:9" ht="14.25">
      <c r="A28" s="18"/>
      <c r="B28" s="18"/>
      <c r="C28" s="36"/>
      <c r="D28" s="25"/>
      <c r="E28" s="33" t="s">
        <v>15</v>
      </c>
      <c r="F28" s="235"/>
      <c r="G28" s="290" t="s">
        <v>115</v>
      </c>
      <c r="H28" s="291"/>
      <c r="I28" s="347"/>
    </row>
    <row r="29" spans="1:9" ht="27.75">
      <c r="C29" s="86"/>
      <c r="D29" s="88"/>
      <c r="E29" s="95"/>
      <c r="F29" s="237">
        <v>5</v>
      </c>
      <c r="G29" s="289" t="s">
        <v>617</v>
      </c>
      <c r="H29" s="220" t="s">
        <v>3</v>
      </c>
      <c r="I29" s="347" t="s">
        <v>262</v>
      </c>
    </row>
    <row r="30" spans="1:9" ht="24">
      <c r="A30" s="18"/>
      <c r="B30" s="18"/>
      <c r="C30" s="36"/>
      <c r="D30" s="25"/>
      <c r="E30" s="33"/>
      <c r="F30" s="235"/>
      <c r="G30" s="290" t="s">
        <v>282</v>
      </c>
      <c r="H30" s="291"/>
      <c r="I30" s="347"/>
    </row>
    <row r="31" spans="1:9">
      <c r="C31" s="86"/>
      <c r="D31" s="88"/>
      <c r="E31" s="95"/>
      <c r="F31" s="237">
        <v>6</v>
      </c>
      <c r="G31" s="289" t="s">
        <v>618</v>
      </c>
      <c r="H31" s="220" t="s">
        <v>100</v>
      </c>
      <c r="I31" s="347" t="s">
        <v>262</v>
      </c>
    </row>
    <row r="32" spans="1:9" ht="14.25">
      <c r="A32" s="18"/>
      <c r="B32" s="18"/>
      <c r="C32" s="36"/>
      <c r="D32" s="25"/>
      <c r="E32" s="33"/>
      <c r="F32" s="235"/>
      <c r="G32" s="290" t="s">
        <v>17</v>
      </c>
      <c r="H32" s="291"/>
      <c r="I32" s="347"/>
    </row>
    <row r="33" spans="1:9">
      <c r="C33" s="86"/>
      <c r="D33" s="88"/>
      <c r="E33" s="95"/>
      <c r="F33" s="237">
        <v>7</v>
      </c>
      <c r="G33" s="289" t="s">
        <v>619</v>
      </c>
      <c r="H33" s="220"/>
      <c r="I33" s="103" t="s">
        <v>153</v>
      </c>
    </row>
    <row r="34" spans="1:9">
      <c r="C34" s="86"/>
      <c r="D34" s="88"/>
      <c r="E34" s="95"/>
      <c r="F34" s="229"/>
      <c r="G34" s="295" t="s">
        <v>620</v>
      </c>
      <c r="H34" s="220" t="s">
        <v>101</v>
      </c>
      <c r="I34" s="197" t="s">
        <v>262</v>
      </c>
    </row>
    <row r="35" spans="1:9">
      <c r="C35" s="86"/>
      <c r="D35" s="88"/>
      <c r="E35" s="95"/>
      <c r="F35" s="229"/>
      <c r="G35" s="295" t="s">
        <v>621</v>
      </c>
      <c r="H35" s="220" t="s">
        <v>102</v>
      </c>
      <c r="I35" s="197" t="s">
        <v>262</v>
      </c>
    </row>
    <row r="36" spans="1:9">
      <c r="C36" s="86"/>
      <c r="D36" s="88"/>
      <c r="E36" s="95"/>
      <c r="F36" s="229"/>
      <c r="G36" s="295" t="s">
        <v>622</v>
      </c>
      <c r="H36" s="220" t="s">
        <v>103</v>
      </c>
      <c r="I36" s="197" t="s">
        <v>262</v>
      </c>
    </row>
    <row r="37" spans="1:9" ht="27">
      <c r="C37" s="86"/>
      <c r="D37" s="88"/>
      <c r="E37" s="95"/>
      <c r="F37" s="237">
        <v>8</v>
      </c>
      <c r="G37" s="289" t="s">
        <v>623</v>
      </c>
      <c r="H37" s="220">
        <v>15</v>
      </c>
      <c r="I37" s="347" t="s">
        <v>262</v>
      </c>
    </row>
    <row r="38" spans="1:9" ht="14.25">
      <c r="A38" s="18"/>
      <c r="B38" s="18"/>
      <c r="C38" s="36"/>
      <c r="D38" s="25"/>
      <c r="E38" s="33"/>
      <c r="F38" s="235"/>
      <c r="G38" s="290" t="s">
        <v>32</v>
      </c>
      <c r="H38" s="291"/>
      <c r="I38" s="347"/>
    </row>
    <row r="39" spans="1:9" ht="14.25">
      <c r="A39" s="18"/>
      <c r="B39" s="18"/>
      <c r="C39" s="36"/>
      <c r="D39" s="25"/>
      <c r="E39" s="33"/>
      <c r="F39" s="237">
        <v>9</v>
      </c>
      <c r="G39" s="289" t="s">
        <v>624</v>
      </c>
      <c r="H39" s="247" t="s">
        <v>104</v>
      </c>
      <c r="I39" s="347" t="s">
        <v>262</v>
      </c>
    </row>
    <row r="40" spans="1:9" ht="14.25">
      <c r="A40" s="18"/>
      <c r="B40" s="18"/>
      <c r="C40" s="36"/>
      <c r="D40" s="25"/>
      <c r="E40" s="33"/>
      <c r="F40" s="293"/>
      <c r="G40" s="290" t="s">
        <v>594</v>
      </c>
      <c r="H40" s="294"/>
      <c r="I40" s="347"/>
    </row>
    <row r="41" spans="1:9" ht="14.25">
      <c r="A41" s="18"/>
      <c r="B41" s="18"/>
      <c r="C41" s="36"/>
      <c r="D41" s="25"/>
      <c r="E41" s="33"/>
      <c r="F41" s="237">
        <v>10</v>
      </c>
      <c r="G41" s="289" t="s">
        <v>625</v>
      </c>
      <c r="H41" s="247" t="s">
        <v>591</v>
      </c>
      <c r="I41" s="347" t="s">
        <v>262</v>
      </c>
    </row>
    <row r="42" spans="1:9" ht="14.25">
      <c r="A42" s="18"/>
      <c r="B42" s="18"/>
      <c r="C42" s="36"/>
      <c r="D42" s="25"/>
      <c r="E42" s="33"/>
      <c r="F42" s="293"/>
      <c r="G42" s="290" t="s">
        <v>597</v>
      </c>
      <c r="H42" s="294"/>
      <c r="I42" s="347"/>
    </row>
    <row r="43" spans="1:9" ht="14.25">
      <c r="A43" s="18"/>
      <c r="B43" s="18"/>
      <c r="C43" s="36"/>
      <c r="D43" s="25"/>
      <c r="E43" s="33"/>
      <c r="F43" s="237">
        <v>11</v>
      </c>
      <c r="G43" s="289" t="s">
        <v>626</v>
      </c>
      <c r="H43" s="247" t="s">
        <v>590</v>
      </c>
      <c r="I43" s="347" t="s">
        <v>262</v>
      </c>
    </row>
    <row r="44" spans="1:9" ht="14.25">
      <c r="A44" s="18"/>
      <c r="B44" s="18"/>
      <c r="C44" s="36"/>
      <c r="D44" s="25"/>
      <c r="E44" s="33"/>
      <c r="F44" s="293"/>
      <c r="G44" s="290" t="s">
        <v>596</v>
      </c>
      <c r="H44" s="294"/>
      <c r="I44" s="347"/>
    </row>
    <row r="45" spans="1:9" ht="46.5" customHeight="1">
      <c r="A45" s="18"/>
      <c r="B45" s="18"/>
      <c r="C45" s="36"/>
      <c r="D45" s="25"/>
      <c r="E45" s="33"/>
      <c r="F45" s="292">
        <v>12</v>
      </c>
      <c r="G45" s="289" t="s">
        <v>627</v>
      </c>
      <c r="H45" s="220" t="s">
        <v>592</v>
      </c>
      <c r="I45" s="347" t="s">
        <v>262</v>
      </c>
    </row>
    <row r="46" spans="1:9" ht="37.5" customHeight="1">
      <c r="A46" s="18"/>
      <c r="B46" s="18"/>
      <c r="C46" s="36"/>
      <c r="D46" s="25"/>
      <c r="E46" s="33"/>
      <c r="F46" s="235"/>
      <c r="G46" s="290" t="s">
        <v>595</v>
      </c>
      <c r="H46" s="291"/>
      <c r="I46" s="347"/>
    </row>
    <row r="47" spans="1:9" ht="30" customHeight="1">
      <c r="C47" s="86"/>
      <c r="D47" s="88"/>
      <c r="E47" s="95"/>
      <c r="F47" s="292">
        <v>13</v>
      </c>
      <c r="G47" s="91" t="s">
        <v>598</v>
      </c>
      <c r="H47" s="92" t="s">
        <v>2</v>
      </c>
      <c r="I47" s="347" t="s">
        <v>262</v>
      </c>
    </row>
    <row r="48" spans="1:9" ht="14.25">
      <c r="A48" s="18"/>
      <c r="B48" s="18"/>
      <c r="C48" s="36"/>
      <c r="D48" s="25"/>
      <c r="E48" s="33"/>
      <c r="F48" s="235"/>
      <c r="G48" s="24" t="s">
        <v>33</v>
      </c>
      <c r="H48" s="93"/>
      <c r="I48" s="347"/>
    </row>
    <row r="49" spans="1:9" ht="27.75">
      <c r="C49" s="86"/>
      <c r="D49" s="88"/>
      <c r="E49" s="95"/>
      <c r="F49" s="292">
        <v>14</v>
      </c>
      <c r="G49" s="91" t="s">
        <v>409</v>
      </c>
      <c r="H49" s="92" t="s">
        <v>116</v>
      </c>
      <c r="I49" s="347" t="s">
        <v>262</v>
      </c>
    </row>
    <row r="50" spans="1:9" ht="26.25" customHeight="1">
      <c r="A50" s="18"/>
      <c r="B50" s="18"/>
      <c r="C50" s="36"/>
      <c r="D50" s="25"/>
      <c r="E50" s="33"/>
      <c r="F50" s="251"/>
      <c r="G50" s="27" t="s">
        <v>263</v>
      </c>
      <c r="H50" s="86"/>
      <c r="I50" s="347"/>
    </row>
    <row r="51" spans="1:9">
      <c r="C51" s="86"/>
      <c r="D51" s="88"/>
      <c r="E51" s="95"/>
      <c r="F51" s="237">
        <v>15</v>
      </c>
      <c r="G51" s="91" t="s">
        <v>210</v>
      </c>
      <c r="H51" s="94" t="s">
        <v>97</v>
      </c>
      <c r="I51" s="350" t="s">
        <v>262</v>
      </c>
    </row>
    <row r="52" spans="1:9">
      <c r="C52" s="86"/>
      <c r="D52" s="88"/>
      <c r="E52" s="33"/>
      <c r="F52" s="26"/>
      <c r="G52" s="24" t="s">
        <v>209</v>
      </c>
      <c r="H52" s="107"/>
      <c r="I52" s="351"/>
    </row>
    <row r="53" spans="1:9">
      <c r="C53" s="86"/>
      <c r="D53" s="88"/>
      <c r="E53" s="33"/>
      <c r="F53" s="26"/>
      <c r="G53" s="108" t="s">
        <v>403</v>
      </c>
      <c r="H53" s="94" t="s">
        <v>97</v>
      </c>
      <c r="I53" s="352" t="s">
        <v>126</v>
      </c>
    </row>
    <row r="54" spans="1:9">
      <c r="C54" s="86"/>
      <c r="D54" s="88"/>
      <c r="E54" s="33"/>
      <c r="F54" s="26"/>
      <c r="G54" s="109"/>
      <c r="H54" s="107"/>
      <c r="I54" s="351"/>
    </row>
    <row r="55" spans="1:9">
      <c r="C55" s="86"/>
      <c r="D55" s="88"/>
      <c r="E55" s="33"/>
      <c r="F55" s="26"/>
      <c r="G55" s="42" t="s">
        <v>211</v>
      </c>
      <c r="H55" s="94" t="s">
        <v>97</v>
      </c>
      <c r="I55" s="350"/>
    </row>
    <row r="56" spans="1:9">
      <c r="C56" s="93"/>
      <c r="D56" s="101"/>
      <c r="E56" s="34"/>
      <c r="F56" s="23"/>
      <c r="G56" s="79"/>
      <c r="H56" s="107"/>
      <c r="I56" s="351"/>
    </row>
    <row r="57" spans="1:9">
      <c r="C57" s="92">
        <v>3</v>
      </c>
      <c r="D57" s="96" t="s">
        <v>410</v>
      </c>
      <c r="E57" s="97"/>
      <c r="F57" s="98"/>
      <c r="G57" s="99"/>
      <c r="H57" s="97"/>
      <c r="I57" s="100"/>
    </row>
    <row r="58" spans="1:9">
      <c r="C58" s="86"/>
      <c r="D58" s="88"/>
      <c r="E58" s="89" t="s">
        <v>405</v>
      </c>
      <c r="F58" s="90">
        <v>1</v>
      </c>
      <c r="G58" s="91" t="s">
        <v>411</v>
      </c>
      <c r="H58" s="92" t="s">
        <v>97</v>
      </c>
      <c r="I58" s="347" t="s">
        <v>262</v>
      </c>
    </row>
    <row r="59" spans="1:9" ht="14.25">
      <c r="A59" s="18"/>
      <c r="B59" s="18"/>
      <c r="C59" s="36"/>
      <c r="D59" s="25"/>
      <c r="E59" s="32" t="s">
        <v>14</v>
      </c>
      <c r="F59" s="23"/>
      <c r="G59" s="24" t="s">
        <v>197</v>
      </c>
      <c r="H59" s="93"/>
      <c r="I59" s="347"/>
    </row>
    <row r="60" spans="1:9" ht="27.75" customHeight="1">
      <c r="C60" s="86"/>
      <c r="D60" s="88"/>
      <c r="E60" s="94" t="s">
        <v>408</v>
      </c>
      <c r="F60" s="90">
        <v>2</v>
      </c>
      <c r="G60" s="91" t="s">
        <v>412</v>
      </c>
      <c r="H60" s="92"/>
      <c r="I60" s="103"/>
    </row>
    <row r="61" spans="1:9" ht="28.5" customHeight="1">
      <c r="A61" s="18"/>
      <c r="B61" s="18"/>
      <c r="C61" s="36"/>
      <c r="D61" s="25"/>
      <c r="E61" s="33" t="s">
        <v>15</v>
      </c>
      <c r="F61" s="26"/>
      <c r="G61" s="24" t="s">
        <v>34</v>
      </c>
      <c r="H61" s="93"/>
      <c r="I61" s="106"/>
    </row>
    <row r="62" spans="1:9">
      <c r="C62" s="86"/>
      <c r="D62" s="88"/>
      <c r="E62" s="95"/>
      <c r="F62" s="104"/>
      <c r="G62" s="105" t="s">
        <v>413</v>
      </c>
      <c r="H62" s="92" t="s">
        <v>105</v>
      </c>
      <c r="I62" s="197" t="s">
        <v>262</v>
      </c>
    </row>
    <row r="63" spans="1:9">
      <c r="C63" s="86"/>
      <c r="D63" s="88"/>
      <c r="E63" s="95"/>
      <c r="F63" s="104"/>
      <c r="G63" s="105" t="s">
        <v>414</v>
      </c>
      <c r="H63" s="92" t="s">
        <v>106</v>
      </c>
      <c r="I63" s="348" t="s">
        <v>262</v>
      </c>
    </row>
    <row r="64" spans="1:9">
      <c r="C64" s="86"/>
      <c r="D64" s="88"/>
      <c r="E64" s="95"/>
      <c r="F64" s="104"/>
      <c r="G64" s="38" t="s">
        <v>252</v>
      </c>
      <c r="H64" s="93"/>
      <c r="I64" s="349"/>
    </row>
    <row r="65" spans="1:9">
      <c r="C65" s="86"/>
      <c r="D65" s="88"/>
      <c r="E65" s="95"/>
      <c r="F65" s="104"/>
      <c r="G65" s="105" t="s">
        <v>415</v>
      </c>
      <c r="H65" s="92" t="s">
        <v>107</v>
      </c>
      <c r="I65" s="197" t="s">
        <v>262</v>
      </c>
    </row>
    <row r="66" spans="1:9">
      <c r="C66" s="86"/>
      <c r="D66" s="88"/>
      <c r="E66" s="95"/>
      <c r="F66" s="90">
        <v>3</v>
      </c>
      <c r="G66" s="91" t="s">
        <v>416</v>
      </c>
      <c r="H66" s="92" t="s">
        <v>108</v>
      </c>
      <c r="I66" s="197" t="s">
        <v>262</v>
      </c>
    </row>
    <row r="67" spans="1:9">
      <c r="C67" s="86"/>
      <c r="D67" s="88"/>
      <c r="E67" s="95"/>
      <c r="F67" s="90">
        <v>4</v>
      </c>
      <c r="G67" s="91" t="s">
        <v>417</v>
      </c>
      <c r="H67" s="92" t="s">
        <v>109</v>
      </c>
      <c r="I67" s="347" t="s">
        <v>262</v>
      </c>
    </row>
    <row r="68" spans="1:9" ht="14.25">
      <c r="A68" s="18"/>
      <c r="B68" s="18"/>
      <c r="C68" s="36"/>
      <c r="D68" s="25"/>
      <c r="E68" s="33"/>
      <c r="F68" s="26"/>
      <c r="G68" s="27" t="s">
        <v>35</v>
      </c>
      <c r="H68" s="86"/>
      <c r="I68" s="347"/>
    </row>
    <row r="69" spans="1:9">
      <c r="C69" s="86"/>
      <c r="D69" s="88"/>
      <c r="E69" s="95"/>
      <c r="F69" s="90">
        <v>5</v>
      </c>
      <c r="G69" s="91" t="s">
        <v>210</v>
      </c>
      <c r="H69" s="94" t="s">
        <v>97</v>
      </c>
      <c r="I69" s="350" t="s">
        <v>262</v>
      </c>
    </row>
    <row r="70" spans="1:9">
      <c r="C70" s="86"/>
      <c r="D70" s="88"/>
      <c r="E70" s="33"/>
      <c r="F70" s="26"/>
      <c r="G70" s="24" t="s">
        <v>209</v>
      </c>
      <c r="H70" s="107"/>
      <c r="I70" s="351"/>
    </row>
    <row r="71" spans="1:9">
      <c r="C71" s="86"/>
      <c r="D71" s="88"/>
      <c r="E71" s="33"/>
      <c r="F71" s="26"/>
      <c r="G71" s="108" t="s">
        <v>403</v>
      </c>
      <c r="H71" s="94" t="s">
        <v>97</v>
      </c>
      <c r="I71" s="352" t="s">
        <v>126</v>
      </c>
    </row>
    <row r="72" spans="1:9">
      <c r="C72" s="86"/>
      <c r="D72" s="88"/>
      <c r="E72" s="33"/>
      <c r="F72" s="26"/>
      <c r="G72" s="109"/>
      <c r="H72" s="107"/>
      <c r="I72" s="351"/>
    </row>
    <row r="73" spans="1:9">
      <c r="C73" s="86"/>
      <c r="D73" s="88"/>
      <c r="E73" s="33"/>
      <c r="F73" s="26"/>
      <c r="G73" s="42" t="s">
        <v>211</v>
      </c>
      <c r="H73" s="94" t="s">
        <v>97</v>
      </c>
      <c r="I73" s="350"/>
    </row>
    <row r="74" spans="1:9">
      <c r="C74" s="93"/>
      <c r="D74" s="101"/>
      <c r="E74" s="34"/>
      <c r="F74" s="23"/>
      <c r="G74" s="110"/>
      <c r="H74" s="107"/>
      <c r="I74" s="351"/>
    </row>
    <row r="75" spans="1:9" ht="13.5" customHeight="1">
      <c r="B75" s="30" t="s">
        <v>418</v>
      </c>
    </row>
    <row r="76" spans="1:9" ht="13.5" customHeight="1">
      <c r="A76" s="18"/>
      <c r="B76" s="30" t="s">
        <v>119</v>
      </c>
      <c r="C76" s="31"/>
      <c r="D76" s="19"/>
      <c r="E76" s="31"/>
      <c r="F76" s="20"/>
      <c r="G76" s="21"/>
    </row>
    <row r="77" spans="1:9" ht="13.5" customHeight="1">
      <c r="B77" s="30" t="s">
        <v>640</v>
      </c>
    </row>
    <row r="78" spans="1:9" ht="13.5" customHeight="1">
      <c r="A78" s="18"/>
      <c r="B78" s="307" t="s">
        <v>642</v>
      </c>
      <c r="C78" s="31"/>
      <c r="D78" s="19"/>
      <c r="E78" s="31"/>
      <c r="F78" s="20"/>
      <c r="G78" s="21"/>
    </row>
    <row r="79" spans="1:9" ht="9.75" customHeight="1">
      <c r="A79" s="18"/>
      <c r="B79" s="30"/>
      <c r="C79" s="31"/>
      <c r="D79" s="19"/>
      <c r="E79" s="31"/>
      <c r="F79" s="20"/>
      <c r="G79" s="21"/>
    </row>
    <row r="80" spans="1:9" ht="14.25">
      <c r="A80" s="318" t="s">
        <v>215</v>
      </c>
      <c r="B80" s="318"/>
      <c r="C80" s="318"/>
      <c r="D80" s="318"/>
      <c r="E80" s="318"/>
      <c r="F80" s="318"/>
      <c r="G80" s="318"/>
      <c r="H80" s="318"/>
      <c r="I80" s="318"/>
    </row>
    <row r="81" spans="1:7" ht="14.25">
      <c r="A81" s="18"/>
      <c r="B81" s="30"/>
      <c r="C81" s="31"/>
      <c r="D81" s="19"/>
      <c r="E81" s="31"/>
      <c r="F81" s="20"/>
      <c r="G81" s="21"/>
    </row>
    <row r="82" spans="1:7" s="53" customFormat="1" ht="12.75"/>
  </sheetData>
  <sheetProtection password="E0C6" sheet="1" scenarios="1" selectLockedCells="1"/>
  <mergeCells count="30">
    <mergeCell ref="I41:I42"/>
    <mergeCell ref="I43:I44"/>
    <mergeCell ref="I21:I22"/>
    <mergeCell ref="I37:I38"/>
    <mergeCell ref="I27:I28"/>
    <mergeCell ref="I29:I30"/>
    <mergeCell ref="I31:I32"/>
    <mergeCell ref="C5:E5"/>
    <mergeCell ref="I7:I8"/>
    <mergeCell ref="I14:I15"/>
    <mergeCell ref="I23:I24"/>
    <mergeCell ref="I25:I26"/>
    <mergeCell ref="I10:I11"/>
    <mergeCell ref="I12:I13"/>
    <mergeCell ref="I45:I46"/>
    <mergeCell ref="A80:I80"/>
    <mergeCell ref="I63:I64"/>
    <mergeCell ref="I73:I74"/>
    <mergeCell ref="I16:I17"/>
    <mergeCell ref="I53:I54"/>
    <mergeCell ref="I71:I72"/>
    <mergeCell ref="I18:I19"/>
    <mergeCell ref="I55:I56"/>
    <mergeCell ref="I67:I68"/>
    <mergeCell ref="I69:I70"/>
    <mergeCell ref="I47:I48"/>
    <mergeCell ref="I49:I50"/>
    <mergeCell ref="I58:I59"/>
    <mergeCell ref="I51:I52"/>
    <mergeCell ref="I39:I40"/>
  </mergeCells>
  <phoneticPr fontId="5"/>
  <conditionalFormatting sqref="I7 I58 I21 I25 I23">
    <cfRule type="cellIs" dxfId="94" priority="14" stopIfTrue="1" operator="equal">
      <formula>"X"</formula>
    </cfRule>
  </conditionalFormatting>
  <conditionalFormatting sqref="I27 I34:I37 I31 I29 I9 I62:I63 I49 I47 I65:I67">
    <cfRule type="cellIs" dxfId="93" priority="13" operator="equal">
      <formula>"X"</formula>
    </cfRule>
  </conditionalFormatting>
  <conditionalFormatting sqref="I69">
    <cfRule type="cellIs" dxfId="92" priority="11" operator="equal">
      <formula>"X"</formula>
    </cfRule>
  </conditionalFormatting>
  <conditionalFormatting sqref="I51">
    <cfRule type="cellIs" dxfId="91" priority="10" operator="equal">
      <formula>"X"</formula>
    </cfRule>
  </conditionalFormatting>
  <conditionalFormatting sqref="I14">
    <cfRule type="cellIs" dxfId="90" priority="9" operator="equal">
      <formula>"X"</formula>
    </cfRule>
  </conditionalFormatting>
  <conditionalFormatting sqref="I10">
    <cfRule type="cellIs" dxfId="89" priority="8" operator="equal">
      <formula>"X"</formula>
    </cfRule>
  </conditionalFormatting>
  <conditionalFormatting sqref="I12">
    <cfRule type="cellIs" dxfId="88" priority="5" operator="equal">
      <formula>"X"</formula>
    </cfRule>
  </conditionalFormatting>
  <conditionalFormatting sqref="I39">
    <cfRule type="cellIs" dxfId="87" priority="4" operator="equal">
      <formula>"X"</formula>
    </cfRule>
  </conditionalFormatting>
  <conditionalFormatting sqref="I41">
    <cfRule type="cellIs" dxfId="86" priority="3" operator="equal">
      <formula>"X"</formula>
    </cfRule>
  </conditionalFormatting>
  <conditionalFormatting sqref="I43">
    <cfRule type="cellIs" dxfId="85" priority="2" operator="equal">
      <formula>"X"</formula>
    </cfRule>
  </conditionalFormatting>
  <conditionalFormatting sqref="I45">
    <cfRule type="cellIs" dxfId="84" priority="1" operator="equal">
      <formula>"X"</formula>
    </cfRule>
  </conditionalFormatting>
  <dataValidations count="2">
    <dataValidation type="list" allowBlank="1" showInputMessage="1" showErrorMessage="1" sqref="I14 I23 I58 I34:I37 I31 I29 I27 I25 I21 I7 I65:I67 I62:I63 I49 I47 I51 I69 I39 I41 I43 I45 I9:I12">
      <formula1>"　,X"</formula1>
    </dataValidation>
    <dataValidation type="list" allowBlank="1" showInputMessage="1" showErrorMessage="1" sqref="I16 I53 I71">
      <formula1>"&lt; AnnexIII                  / AnnexIV &gt;, AnnexIII, AnnexIV"</formula1>
    </dataValidation>
  </dataValidations>
  <printOptions horizontalCentered="1"/>
  <pageMargins left="0.59055118110236227" right="0.59055118110236227" top="0.59055118110236227" bottom="0.59055118110236227" header="0.31496062992125984" footer="0.31496062992125984"/>
  <pageSetup paperSize="9" scale="57" orientation="portrait" r:id="rId1"/>
  <headerFooter>
    <oddFooter>&amp;LRoHS (appendix.)&amp;RV.10.0 (revised on Jun. 2018)</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146"/>
  <sheetViews>
    <sheetView showGridLines="0" view="pageBreakPreview" zoomScaleNormal="100" zoomScaleSheetLayoutView="100" workbookViewId="0">
      <selection activeCell="H8" sqref="H8:H9"/>
    </sheetView>
  </sheetViews>
  <sheetFormatPr defaultColWidth="0.85546875" defaultRowHeight="15.75"/>
  <cols>
    <col min="1" max="1" width="1.85546875" style="75" customWidth="1"/>
    <col min="2" max="2" width="1.85546875" style="77" customWidth="1"/>
    <col min="3" max="3" width="4" style="78" bestFit="1" customWidth="1"/>
    <col min="4" max="4" width="1.42578125" style="79" customWidth="1"/>
    <col min="5" max="5" width="13" style="78" customWidth="1"/>
    <col min="6" max="6" width="5.42578125" style="80" bestFit="1" customWidth="1"/>
    <col min="7" max="7" width="106" style="81" customWidth="1"/>
    <col min="8" max="8" width="13.140625" style="79" customWidth="1"/>
    <col min="9" max="16384" width="0.85546875" style="79"/>
  </cols>
  <sheetData>
    <row r="1" spans="1:8">
      <c r="H1" s="9" t="str">
        <f>A.RoHS!G1</f>
        <v xml:space="preserve"> </v>
      </c>
    </row>
    <row r="2" spans="1:8">
      <c r="A2" s="75" t="s">
        <v>156</v>
      </c>
    </row>
    <row r="3" spans="1:8" ht="14.25">
      <c r="A3" s="18"/>
      <c r="B3" s="18"/>
      <c r="C3" s="31"/>
      <c r="D3" s="19"/>
      <c r="E3" s="31"/>
      <c r="F3" s="20"/>
      <c r="G3" s="21"/>
    </row>
    <row r="4" spans="1:8">
      <c r="B4" s="76" t="s">
        <v>419</v>
      </c>
    </row>
    <row r="5" spans="1:8" ht="14.25">
      <c r="A5" s="18"/>
      <c r="B5" s="18" t="s">
        <v>265</v>
      </c>
      <c r="C5" s="31"/>
      <c r="D5" s="19"/>
      <c r="E5" s="31"/>
      <c r="F5" s="20"/>
      <c r="G5" s="21"/>
      <c r="H5" s="111"/>
    </row>
    <row r="6" spans="1:8" ht="26.25" thickBot="1">
      <c r="C6" s="353" t="s">
        <v>420</v>
      </c>
      <c r="D6" s="354"/>
      <c r="E6" s="355"/>
      <c r="F6" s="82" t="s">
        <v>16</v>
      </c>
      <c r="G6" s="112" t="s">
        <v>421</v>
      </c>
      <c r="H6" s="85" t="s">
        <v>154</v>
      </c>
    </row>
    <row r="7" spans="1:8" ht="16.5" thickTop="1">
      <c r="C7" s="92">
        <v>1</v>
      </c>
      <c r="D7" s="96" t="s">
        <v>422</v>
      </c>
      <c r="E7" s="97"/>
      <c r="F7" s="98"/>
      <c r="G7" s="99"/>
      <c r="H7" s="113"/>
    </row>
    <row r="8" spans="1:8">
      <c r="C8" s="86"/>
      <c r="D8" s="88"/>
      <c r="E8" s="89" t="s">
        <v>157</v>
      </c>
      <c r="F8" s="90">
        <v>1</v>
      </c>
      <c r="G8" s="114" t="s">
        <v>423</v>
      </c>
      <c r="H8" s="347" t="s">
        <v>262</v>
      </c>
    </row>
    <row r="9" spans="1:8" ht="14.25">
      <c r="A9" s="18"/>
      <c r="B9" s="18"/>
      <c r="C9" s="36"/>
      <c r="D9" s="25"/>
      <c r="E9" s="35" t="s">
        <v>14</v>
      </c>
      <c r="F9" s="23"/>
      <c r="G9" s="28" t="s">
        <v>18</v>
      </c>
      <c r="H9" s="347"/>
    </row>
    <row r="10" spans="1:8">
      <c r="C10" s="86"/>
      <c r="D10" s="88"/>
      <c r="E10" s="102"/>
      <c r="F10" s="90">
        <v>2</v>
      </c>
      <c r="G10" s="114" t="s">
        <v>232</v>
      </c>
      <c r="H10" s="347" t="s">
        <v>262</v>
      </c>
    </row>
    <row r="11" spans="1:8" ht="14.25">
      <c r="A11" s="18"/>
      <c r="B11" s="18"/>
      <c r="C11" s="36"/>
      <c r="D11" s="25"/>
      <c r="E11" s="32"/>
      <c r="F11" s="23"/>
      <c r="G11" s="28" t="s">
        <v>19</v>
      </c>
      <c r="H11" s="347"/>
    </row>
    <row r="12" spans="1:8">
      <c r="C12" s="86"/>
      <c r="D12" s="88"/>
      <c r="E12" s="94" t="s">
        <v>158</v>
      </c>
      <c r="F12" s="90">
        <v>3</v>
      </c>
      <c r="G12" s="114" t="s">
        <v>424</v>
      </c>
      <c r="H12" s="103"/>
    </row>
    <row r="13" spans="1:8" ht="14.25">
      <c r="A13" s="18"/>
      <c r="B13" s="18"/>
      <c r="C13" s="36"/>
      <c r="D13" s="25"/>
      <c r="E13" s="33" t="s">
        <v>15</v>
      </c>
      <c r="F13" s="26"/>
      <c r="G13" s="28" t="s">
        <v>20</v>
      </c>
      <c r="H13" s="106"/>
    </row>
    <row r="14" spans="1:8">
      <c r="C14" s="86"/>
      <c r="D14" s="88"/>
      <c r="E14" s="95"/>
      <c r="F14" s="104"/>
      <c r="G14" s="115" t="s">
        <v>233</v>
      </c>
      <c r="H14" s="197" t="s">
        <v>262</v>
      </c>
    </row>
    <row r="15" spans="1:8">
      <c r="C15" s="86"/>
      <c r="D15" s="88"/>
      <c r="E15" s="95"/>
      <c r="F15" s="104"/>
      <c r="G15" s="115" t="s">
        <v>425</v>
      </c>
      <c r="H15" s="197" t="s">
        <v>262</v>
      </c>
    </row>
    <row r="16" spans="1:8">
      <c r="C16" s="86"/>
      <c r="D16" s="88"/>
      <c r="E16" s="95"/>
      <c r="F16" s="104"/>
      <c r="G16" s="115" t="s">
        <v>426</v>
      </c>
      <c r="H16" s="197" t="s">
        <v>262</v>
      </c>
    </row>
    <row r="17" spans="1:8">
      <c r="C17" s="86"/>
      <c r="D17" s="88"/>
      <c r="E17" s="95"/>
      <c r="F17" s="104"/>
      <c r="G17" s="115" t="s">
        <v>427</v>
      </c>
      <c r="H17" s="197" t="s">
        <v>262</v>
      </c>
    </row>
    <row r="18" spans="1:8">
      <c r="C18" s="92">
        <v>2</v>
      </c>
      <c r="D18" s="96" t="s">
        <v>428</v>
      </c>
      <c r="E18" s="97"/>
      <c r="F18" s="98"/>
      <c r="G18" s="99"/>
      <c r="H18" s="113"/>
    </row>
    <row r="19" spans="1:8" ht="27.75">
      <c r="C19" s="86"/>
      <c r="D19" s="88"/>
      <c r="E19" s="89" t="s">
        <v>157</v>
      </c>
      <c r="F19" s="90">
        <v>1</v>
      </c>
      <c r="G19" s="114" t="s">
        <v>429</v>
      </c>
      <c r="H19" s="347" t="s">
        <v>262</v>
      </c>
    </row>
    <row r="20" spans="1:8" ht="34.5" customHeight="1">
      <c r="A20" s="18"/>
      <c r="B20" s="18"/>
      <c r="C20" s="36"/>
      <c r="D20" s="25"/>
      <c r="E20" s="32" t="s">
        <v>14</v>
      </c>
      <c r="F20" s="23"/>
      <c r="G20" s="28" t="s">
        <v>111</v>
      </c>
      <c r="H20" s="347"/>
    </row>
    <row r="21" spans="1:8">
      <c r="C21" s="86"/>
      <c r="D21" s="88"/>
      <c r="E21" s="94" t="s">
        <v>158</v>
      </c>
      <c r="F21" s="90">
        <v>2</v>
      </c>
      <c r="G21" s="114" t="s">
        <v>430</v>
      </c>
      <c r="H21" s="347" t="s">
        <v>262</v>
      </c>
    </row>
    <row r="22" spans="1:8" ht="14.25">
      <c r="A22" s="18"/>
      <c r="B22" s="18"/>
      <c r="C22" s="36"/>
      <c r="D22" s="25"/>
      <c r="E22" s="33" t="s">
        <v>15</v>
      </c>
      <c r="F22" s="26"/>
      <c r="G22" s="29" t="s">
        <v>36</v>
      </c>
      <c r="H22" s="347"/>
    </row>
    <row r="23" spans="1:8">
      <c r="C23" s="92">
        <v>3</v>
      </c>
      <c r="D23" s="96" t="s">
        <v>431</v>
      </c>
      <c r="E23" s="97"/>
      <c r="F23" s="98"/>
      <c r="G23" s="99"/>
      <c r="H23" s="100"/>
    </row>
    <row r="24" spans="1:8">
      <c r="C24" s="86"/>
      <c r="D24" s="88"/>
      <c r="E24" s="89" t="s">
        <v>157</v>
      </c>
      <c r="F24" s="90">
        <v>1</v>
      </c>
      <c r="G24" s="114" t="s">
        <v>432</v>
      </c>
      <c r="H24" s="347" t="s">
        <v>262</v>
      </c>
    </row>
    <row r="25" spans="1:8" ht="14.25">
      <c r="A25" s="18"/>
      <c r="B25" s="18"/>
      <c r="C25" s="36"/>
      <c r="D25" s="25"/>
      <c r="E25" s="32" t="s">
        <v>14</v>
      </c>
      <c r="F25" s="23"/>
      <c r="G25" s="28" t="s">
        <v>37</v>
      </c>
      <c r="H25" s="347"/>
    </row>
    <row r="26" spans="1:8">
      <c r="C26" s="86"/>
      <c r="D26" s="88"/>
      <c r="E26" s="94" t="s">
        <v>158</v>
      </c>
      <c r="F26" s="90">
        <v>2</v>
      </c>
      <c r="G26" s="114" t="s">
        <v>234</v>
      </c>
      <c r="H26" s="347" t="s">
        <v>262</v>
      </c>
    </row>
    <row r="27" spans="1:8" ht="14.25">
      <c r="A27" s="18"/>
      <c r="B27" s="18"/>
      <c r="C27" s="36"/>
      <c r="D27" s="25"/>
      <c r="E27" s="33" t="s">
        <v>15</v>
      </c>
      <c r="F27" s="26"/>
      <c r="G27" s="29" t="s">
        <v>21</v>
      </c>
      <c r="H27" s="347"/>
    </row>
    <row r="28" spans="1:8">
      <c r="C28" s="92">
        <v>4</v>
      </c>
      <c r="D28" s="96" t="s">
        <v>433</v>
      </c>
      <c r="E28" s="97"/>
      <c r="F28" s="98"/>
      <c r="G28" s="99"/>
      <c r="H28" s="113"/>
    </row>
    <row r="29" spans="1:8" ht="28.5">
      <c r="C29" s="86"/>
      <c r="D29" s="88"/>
      <c r="E29" s="89" t="s">
        <v>157</v>
      </c>
      <c r="F29" s="90">
        <v>1</v>
      </c>
      <c r="G29" s="114" t="s">
        <v>434</v>
      </c>
      <c r="H29" s="347" t="s">
        <v>262</v>
      </c>
    </row>
    <row r="30" spans="1:8" ht="24">
      <c r="A30" s="18"/>
      <c r="B30" s="18"/>
      <c r="C30" s="36"/>
      <c r="D30" s="25"/>
      <c r="E30" s="32" t="s">
        <v>14</v>
      </c>
      <c r="F30" s="23"/>
      <c r="G30" s="28" t="s">
        <v>117</v>
      </c>
      <c r="H30" s="347"/>
    </row>
    <row r="31" spans="1:8">
      <c r="C31" s="86"/>
      <c r="D31" s="88"/>
      <c r="E31" s="94" t="s">
        <v>158</v>
      </c>
      <c r="F31" s="90">
        <v>2</v>
      </c>
      <c r="G31" s="114" t="s">
        <v>435</v>
      </c>
      <c r="H31" s="347" t="s">
        <v>262</v>
      </c>
    </row>
    <row r="32" spans="1:8" ht="14.25">
      <c r="A32" s="18"/>
      <c r="B32" s="18"/>
      <c r="C32" s="36"/>
      <c r="D32" s="25"/>
      <c r="E32" s="33" t="s">
        <v>15</v>
      </c>
      <c r="F32" s="26"/>
      <c r="G32" s="29" t="s">
        <v>22</v>
      </c>
      <c r="H32" s="347"/>
    </row>
    <row r="33" spans="1:8">
      <c r="C33" s="92">
        <v>5</v>
      </c>
      <c r="D33" s="96" t="s">
        <v>436</v>
      </c>
      <c r="E33" s="97"/>
      <c r="F33" s="98"/>
      <c r="G33" s="99"/>
      <c r="H33" s="113"/>
    </row>
    <row r="34" spans="1:8">
      <c r="C34" s="86"/>
      <c r="D34" s="88"/>
      <c r="E34" s="89" t="s">
        <v>157</v>
      </c>
      <c r="F34" s="90">
        <v>1</v>
      </c>
      <c r="G34" s="114" t="s">
        <v>437</v>
      </c>
      <c r="H34" s="347" t="s">
        <v>262</v>
      </c>
    </row>
    <row r="35" spans="1:8" ht="14.25">
      <c r="A35" s="18"/>
      <c r="B35" s="18"/>
      <c r="C35" s="36"/>
      <c r="D35" s="25"/>
      <c r="E35" s="32" t="s">
        <v>14</v>
      </c>
      <c r="F35" s="23"/>
      <c r="G35" s="28" t="s">
        <v>112</v>
      </c>
      <c r="H35" s="347"/>
    </row>
    <row r="36" spans="1:8">
      <c r="C36" s="86"/>
      <c r="D36" s="88"/>
      <c r="E36" s="94" t="s">
        <v>158</v>
      </c>
      <c r="F36" s="90">
        <v>2</v>
      </c>
      <c r="G36" s="114" t="s">
        <v>438</v>
      </c>
      <c r="H36" s="347" t="s">
        <v>262</v>
      </c>
    </row>
    <row r="37" spans="1:8" ht="14.25">
      <c r="A37" s="18"/>
      <c r="B37" s="18"/>
      <c r="C37" s="36"/>
      <c r="D37" s="25"/>
      <c r="E37" s="33" t="s">
        <v>15</v>
      </c>
      <c r="F37" s="23"/>
      <c r="G37" s="28" t="s">
        <v>23</v>
      </c>
      <c r="H37" s="347"/>
    </row>
    <row r="38" spans="1:8">
      <c r="C38" s="86"/>
      <c r="D38" s="88"/>
      <c r="E38" s="95"/>
      <c r="F38" s="90">
        <v>3</v>
      </c>
      <c r="G38" s="114" t="s">
        <v>159</v>
      </c>
      <c r="H38" s="347" t="s">
        <v>262</v>
      </c>
    </row>
    <row r="39" spans="1:8" ht="14.25">
      <c r="A39" s="18"/>
      <c r="B39" s="18"/>
      <c r="C39" s="36"/>
      <c r="D39" s="25"/>
      <c r="E39" s="33"/>
      <c r="F39" s="26"/>
      <c r="G39" s="29" t="s">
        <v>24</v>
      </c>
      <c r="H39" s="347"/>
    </row>
    <row r="40" spans="1:8">
      <c r="C40" s="92">
        <v>6</v>
      </c>
      <c r="D40" s="96" t="s">
        <v>439</v>
      </c>
      <c r="E40" s="97"/>
      <c r="F40" s="98"/>
      <c r="G40" s="99"/>
      <c r="H40" s="113"/>
    </row>
    <row r="41" spans="1:8">
      <c r="C41" s="86"/>
      <c r="D41" s="88"/>
      <c r="E41" s="89" t="s">
        <v>157</v>
      </c>
      <c r="F41" s="90">
        <v>1</v>
      </c>
      <c r="G41" s="114" t="s">
        <v>440</v>
      </c>
      <c r="H41" s="347" t="s">
        <v>262</v>
      </c>
    </row>
    <row r="42" spans="1:8" ht="14.25">
      <c r="A42" s="18"/>
      <c r="B42" s="18"/>
      <c r="C42" s="36"/>
      <c r="D42" s="25"/>
      <c r="E42" s="32" t="s">
        <v>14</v>
      </c>
      <c r="F42" s="23"/>
      <c r="G42" s="28" t="s">
        <v>113</v>
      </c>
      <c r="H42" s="347"/>
    </row>
    <row r="43" spans="1:8">
      <c r="C43" s="86"/>
      <c r="D43" s="88"/>
      <c r="E43" s="94" t="s">
        <v>158</v>
      </c>
      <c r="F43" s="90">
        <v>2</v>
      </c>
      <c r="G43" s="114" t="s">
        <v>441</v>
      </c>
      <c r="H43" s="347" t="s">
        <v>262</v>
      </c>
    </row>
    <row r="44" spans="1:8" ht="14.25">
      <c r="A44" s="18"/>
      <c r="B44" s="18"/>
      <c r="C44" s="36"/>
      <c r="D44" s="25"/>
      <c r="E44" s="33" t="s">
        <v>15</v>
      </c>
      <c r="F44" s="23"/>
      <c r="G44" s="28" t="s">
        <v>38</v>
      </c>
      <c r="H44" s="347"/>
    </row>
    <row r="45" spans="1:8">
      <c r="C45" s="86"/>
      <c r="D45" s="88"/>
      <c r="E45" s="95"/>
      <c r="F45" s="90">
        <v>3</v>
      </c>
      <c r="G45" s="114" t="s">
        <v>161</v>
      </c>
      <c r="H45" s="347" t="s">
        <v>262</v>
      </c>
    </row>
    <row r="46" spans="1:8" ht="14.25">
      <c r="A46" s="18"/>
      <c r="B46" s="18"/>
      <c r="C46" s="36"/>
      <c r="D46" s="25"/>
      <c r="E46" s="33"/>
      <c r="F46" s="23"/>
      <c r="G46" s="28" t="s">
        <v>39</v>
      </c>
      <c r="H46" s="347"/>
    </row>
    <row r="47" spans="1:8">
      <c r="C47" s="86"/>
      <c r="D47" s="88"/>
      <c r="E47" s="95"/>
      <c r="F47" s="90">
        <v>4</v>
      </c>
      <c r="G47" s="114" t="s">
        <v>442</v>
      </c>
      <c r="H47" s="347" t="s">
        <v>262</v>
      </c>
    </row>
    <row r="48" spans="1:8" ht="14.25">
      <c r="A48" s="18"/>
      <c r="B48" s="18"/>
      <c r="C48" s="36"/>
      <c r="D48" s="25"/>
      <c r="E48" s="33"/>
      <c r="F48" s="26"/>
      <c r="G48" s="29" t="s">
        <v>40</v>
      </c>
      <c r="H48" s="347"/>
    </row>
    <row r="49" spans="1:8">
      <c r="C49" s="92">
        <v>7</v>
      </c>
      <c r="D49" s="96" t="s">
        <v>443</v>
      </c>
      <c r="E49" s="97"/>
      <c r="F49" s="98"/>
      <c r="G49" s="99"/>
      <c r="H49" s="100"/>
    </row>
    <row r="50" spans="1:8">
      <c r="C50" s="86"/>
      <c r="D50" s="88"/>
      <c r="E50" s="89" t="s">
        <v>157</v>
      </c>
      <c r="F50" s="90">
        <v>1</v>
      </c>
      <c r="G50" s="114" t="s">
        <v>444</v>
      </c>
      <c r="H50" s="347" t="s">
        <v>262</v>
      </c>
    </row>
    <row r="51" spans="1:8" ht="14.25">
      <c r="A51" s="18"/>
      <c r="B51" s="18"/>
      <c r="C51" s="36"/>
      <c r="D51" s="25"/>
      <c r="E51" s="32" t="s">
        <v>14</v>
      </c>
      <c r="F51" s="23"/>
      <c r="G51" s="28" t="s">
        <v>25</v>
      </c>
      <c r="H51" s="347"/>
    </row>
    <row r="52" spans="1:8">
      <c r="C52" s="86"/>
      <c r="D52" s="88"/>
      <c r="E52" s="94" t="s">
        <v>158</v>
      </c>
      <c r="F52" s="90">
        <v>2</v>
      </c>
      <c r="G52" s="114" t="s">
        <v>445</v>
      </c>
      <c r="H52" s="347" t="s">
        <v>262</v>
      </c>
    </row>
    <row r="53" spans="1:8" ht="14.25">
      <c r="A53" s="18"/>
      <c r="B53" s="18"/>
      <c r="C53" s="36"/>
      <c r="D53" s="25"/>
      <c r="E53" s="33" t="s">
        <v>15</v>
      </c>
      <c r="F53" s="26"/>
      <c r="G53" s="29" t="s">
        <v>26</v>
      </c>
      <c r="H53" s="347"/>
    </row>
    <row r="54" spans="1:8">
      <c r="C54" s="92">
        <v>8</v>
      </c>
      <c r="D54" s="96" t="s">
        <v>446</v>
      </c>
      <c r="E54" s="97"/>
      <c r="F54" s="98"/>
      <c r="G54" s="99"/>
      <c r="H54" s="113"/>
    </row>
    <row r="55" spans="1:8">
      <c r="C55" s="86"/>
      <c r="D55" s="88"/>
      <c r="E55" s="89" t="s">
        <v>157</v>
      </c>
      <c r="F55" s="90">
        <v>1</v>
      </c>
      <c r="G55" s="114" t="s">
        <v>447</v>
      </c>
      <c r="H55" s="347" t="s">
        <v>262</v>
      </c>
    </row>
    <row r="56" spans="1:8" ht="14.25">
      <c r="A56" s="18"/>
      <c r="B56" s="18"/>
      <c r="C56" s="36"/>
      <c r="D56" s="25"/>
      <c r="E56" s="35" t="s">
        <v>14</v>
      </c>
      <c r="F56" s="23"/>
      <c r="G56" s="28" t="s">
        <v>27</v>
      </c>
      <c r="H56" s="347"/>
    </row>
    <row r="57" spans="1:8" ht="27">
      <c r="C57" s="86"/>
      <c r="D57" s="88"/>
      <c r="E57" s="102"/>
      <c r="F57" s="90">
        <v>2</v>
      </c>
      <c r="G57" s="114" t="s">
        <v>162</v>
      </c>
      <c r="H57" s="347" t="s">
        <v>262</v>
      </c>
    </row>
    <row r="58" spans="1:8" ht="24">
      <c r="A58" s="18"/>
      <c r="B58" s="18"/>
      <c r="C58" s="36"/>
      <c r="D58" s="25"/>
      <c r="E58" s="32"/>
      <c r="F58" s="23"/>
      <c r="G58" s="28" t="s">
        <v>110</v>
      </c>
      <c r="H58" s="347"/>
    </row>
    <row r="59" spans="1:8">
      <c r="C59" s="86"/>
      <c r="D59" s="88"/>
      <c r="E59" s="94" t="s">
        <v>158</v>
      </c>
      <c r="F59" s="90">
        <v>3</v>
      </c>
      <c r="G59" s="114" t="s">
        <v>448</v>
      </c>
      <c r="H59" s="347" t="s">
        <v>262</v>
      </c>
    </row>
    <row r="60" spans="1:8" ht="14.25">
      <c r="A60" s="18"/>
      <c r="B60" s="18"/>
      <c r="C60" s="36"/>
      <c r="D60" s="25"/>
      <c r="E60" s="33" t="s">
        <v>15</v>
      </c>
      <c r="F60" s="26"/>
      <c r="G60" s="29" t="s">
        <v>114</v>
      </c>
      <c r="H60" s="347"/>
    </row>
    <row r="61" spans="1:8">
      <c r="C61" s="92">
        <v>9</v>
      </c>
      <c r="D61" s="96" t="s">
        <v>449</v>
      </c>
      <c r="E61" s="97"/>
      <c r="F61" s="98"/>
      <c r="G61" s="99"/>
      <c r="H61" s="100"/>
    </row>
    <row r="62" spans="1:8">
      <c r="C62" s="86"/>
      <c r="D62" s="88"/>
      <c r="E62" s="94" t="s">
        <v>158</v>
      </c>
      <c r="F62" s="90">
        <v>1</v>
      </c>
      <c r="G62" s="114" t="s">
        <v>450</v>
      </c>
      <c r="H62" s="347" t="s">
        <v>262</v>
      </c>
    </row>
    <row r="63" spans="1:8" ht="14.25">
      <c r="A63" s="18"/>
      <c r="B63" s="18"/>
      <c r="C63" s="36"/>
      <c r="D63" s="25"/>
      <c r="E63" s="33" t="s">
        <v>15</v>
      </c>
      <c r="F63" s="23"/>
      <c r="G63" s="28" t="s">
        <v>41</v>
      </c>
      <c r="H63" s="347"/>
    </row>
    <row r="64" spans="1:8">
      <c r="C64" s="86"/>
      <c r="D64" s="88"/>
      <c r="E64" s="95"/>
      <c r="F64" s="90">
        <v>2</v>
      </c>
      <c r="G64" s="114" t="s">
        <v>451</v>
      </c>
      <c r="H64" s="347" t="s">
        <v>262</v>
      </c>
    </row>
    <row r="65" spans="1:9" ht="14.25">
      <c r="A65" s="18"/>
      <c r="B65" s="18"/>
      <c r="C65" s="36"/>
      <c r="D65" s="25"/>
      <c r="E65" s="33"/>
      <c r="F65" s="26"/>
      <c r="G65" s="29" t="s">
        <v>28</v>
      </c>
      <c r="H65" s="347"/>
    </row>
    <row r="66" spans="1:9" s="225" customFormat="1">
      <c r="A66" s="167"/>
      <c r="B66" s="219"/>
      <c r="C66" s="220">
        <v>10</v>
      </c>
      <c r="D66" s="221" t="s">
        <v>525</v>
      </c>
      <c r="E66" s="222"/>
      <c r="F66" s="223"/>
      <c r="G66" s="224"/>
      <c r="H66" s="113"/>
    </row>
    <row r="67" spans="1:9">
      <c r="C67" s="86"/>
      <c r="D67" s="88"/>
      <c r="E67" s="89" t="s">
        <v>157</v>
      </c>
      <c r="F67" s="90">
        <v>1</v>
      </c>
      <c r="G67" s="114" t="s">
        <v>452</v>
      </c>
      <c r="H67" s="347" t="s">
        <v>262</v>
      </c>
    </row>
    <row r="68" spans="1:9" ht="14.25">
      <c r="A68" s="18"/>
      <c r="B68" s="18"/>
      <c r="C68" s="36"/>
      <c r="D68" s="25"/>
      <c r="E68" s="32" t="s">
        <v>14</v>
      </c>
      <c r="F68" s="23"/>
      <c r="G68" s="28" t="s">
        <v>29</v>
      </c>
      <c r="H68" s="347"/>
    </row>
    <row r="69" spans="1:9">
      <c r="C69" s="86"/>
      <c r="D69" s="88"/>
      <c r="E69" s="94" t="s">
        <v>158</v>
      </c>
      <c r="F69" s="90">
        <v>2</v>
      </c>
      <c r="G69" s="114" t="s">
        <v>234</v>
      </c>
      <c r="H69" s="347" t="s">
        <v>262</v>
      </c>
    </row>
    <row r="70" spans="1:9" ht="14.25">
      <c r="A70" s="18"/>
      <c r="B70" s="18"/>
      <c r="C70" s="37"/>
      <c r="D70" s="22"/>
      <c r="E70" s="34" t="s">
        <v>15</v>
      </c>
      <c r="F70" s="23"/>
      <c r="G70" s="28" t="s">
        <v>21</v>
      </c>
      <c r="H70" s="347"/>
    </row>
    <row r="71" spans="1:9" ht="14.25">
      <c r="A71" s="18"/>
      <c r="B71" s="18"/>
      <c r="C71" s="31"/>
      <c r="D71" s="19"/>
      <c r="E71" s="31"/>
      <c r="F71" s="20"/>
      <c r="G71" s="21"/>
      <c r="H71" s="39" t="s">
        <v>453</v>
      </c>
    </row>
    <row r="72" spans="1:9" ht="14.25">
      <c r="A72" s="18"/>
      <c r="B72" s="18"/>
      <c r="C72" s="31"/>
      <c r="D72" s="19"/>
      <c r="E72" s="31"/>
      <c r="F72" s="20"/>
      <c r="G72" s="21"/>
      <c r="H72" s="39"/>
    </row>
    <row r="73" spans="1:9" ht="14.25">
      <c r="A73" s="18"/>
      <c r="B73" s="18"/>
      <c r="C73" s="31"/>
      <c r="D73" s="19"/>
      <c r="E73" s="31"/>
      <c r="F73" s="20"/>
      <c r="G73" s="21"/>
      <c r="H73" s="39"/>
    </row>
    <row r="74" spans="1:9" ht="14.25">
      <c r="A74" s="18"/>
      <c r="B74" s="18"/>
      <c r="C74" s="31"/>
      <c r="D74" s="19"/>
      <c r="E74" s="31"/>
      <c r="F74" s="20"/>
      <c r="G74" s="21"/>
      <c r="H74" s="39"/>
    </row>
    <row r="75" spans="1:9" ht="14.25">
      <c r="A75" s="18"/>
      <c r="B75" s="18"/>
      <c r="C75" s="31"/>
      <c r="D75" s="19"/>
      <c r="E75" s="31"/>
      <c r="F75" s="20"/>
      <c r="G75" s="21"/>
      <c r="H75" s="39"/>
    </row>
    <row r="76" spans="1:9" ht="14.25">
      <c r="A76" s="18"/>
      <c r="B76" s="18"/>
      <c r="C76" s="31"/>
      <c r="D76" s="19"/>
      <c r="E76" s="31"/>
      <c r="F76" s="20"/>
      <c r="G76" s="21"/>
      <c r="H76" s="39"/>
    </row>
    <row r="77" spans="1:9" ht="14.25">
      <c r="A77" s="318" t="s">
        <v>216</v>
      </c>
      <c r="B77" s="318"/>
      <c r="C77" s="318"/>
      <c r="D77" s="318"/>
      <c r="E77" s="318"/>
      <c r="F77" s="318"/>
      <c r="G77" s="318"/>
      <c r="H77" s="318"/>
      <c r="I77" s="318"/>
    </row>
    <row r="78" spans="1:9" ht="14.25">
      <c r="A78" s="18"/>
      <c r="B78" s="1" t="s">
        <v>96</v>
      </c>
      <c r="C78" s="31"/>
      <c r="D78" s="19"/>
      <c r="E78" s="31"/>
      <c r="F78" s="20"/>
      <c r="G78" s="21"/>
      <c r="H78" s="116"/>
    </row>
    <row r="79" spans="1:9" ht="26.25" thickBot="1">
      <c r="C79" s="353" t="s">
        <v>155</v>
      </c>
      <c r="D79" s="354"/>
      <c r="E79" s="355"/>
      <c r="F79" s="82" t="s">
        <v>16</v>
      </c>
      <c r="G79" s="112" t="s">
        <v>231</v>
      </c>
      <c r="H79" s="85" t="s">
        <v>154</v>
      </c>
    </row>
    <row r="80" spans="1:9" ht="16.5" thickTop="1">
      <c r="C80" s="92">
        <v>11</v>
      </c>
      <c r="D80" s="96" t="s">
        <v>253</v>
      </c>
      <c r="E80" s="97"/>
      <c r="F80" s="98"/>
      <c r="G80" s="99"/>
      <c r="H80" s="113"/>
    </row>
    <row r="81" spans="1:8">
      <c r="C81" s="86"/>
      <c r="D81" s="88"/>
      <c r="E81" s="89" t="s">
        <v>157</v>
      </c>
      <c r="F81" s="90">
        <v>1</v>
      </c>
      <c r="G81" s="114" t="s">
        <v>236</v>
      </c>
      <c r="H81" s="136" t="s">
        <v>262</v>
      </c>
    </row>
    <row r="82" spans="1:8">
      <c r="C82" s="86"/>
      <c r="D82" s="88"/>
      <c r="E82" s="35" t="s">
        <v>14</v>
      </c>
      <c r="F82" s="90">
        <v>2</v>
      </c>
      <c r="G82" s="114" t="s">
        <v>237</v>
      </c>
      <c r="H82" s="136" t="s">
        <v>262</v>
      </c>
    </row>
    <row r="83" spans="1:8">
      <c r="C83" s="86"/>
      <c r="D83" s="88"/>
      <c r="E83" s="94" t="s">
        <v>158</v>
      </c>
      <c r="F83" s="90">
        <v>3</v>
      </c>
      <c r="G83" s="114" t="s">
        <v>226</v>
      </c>
      <c r="H83" s="347" t="s">
        <v>262</v>
      </c>
    </row>
    <row r="84" spans="1:8" ht="14.25">
      <c r="A84" s="18"/>
      <c r="B84" s="18"/>
      <c r="C84" s="36"/>
      <c r="D84" s="25"/>
      <c r="E84" s="33" t="s">
        <v>15</v>
      </c>
      <c r="F84" s="23"/>
      <c r="G84" s="28" t="s">
        <v>42</v>
      </c>
      <c r="H84" s="347"/>
    </row>
    <row r="85" spans="1:8">
      <c r="C85" s="86"/>
      <c r="D85" s="88"/>
      <c r="E85" s="95"/>
      <c r="F85" s="90">
        <v>4</v>
      </c>
      <c r="G85" s="114" t="s">
        <v>238</v>
      </c>
      <c r="H85" s="103"/>
    </row>
    <row r="86" spans="1:8">
      <c r="C86" s="86"/>
      <c r="D86" s="88"/>
      <c r="E86" s="95"/>
      <c r="F86" s="104"/>
      <c r="G86" s="115" t="s">
        <v>239</v>
      </c>
      <c r="H86" s="136" t="s">
        <v>262</v>
      </c>
    </row>
    <row r="87" spans="1:8">
      <c r="C87" s="86"/>
      <c r="D87" s="88"/>
      <c r="E87" s="95"/>
      <c r="F87" s="104"/>
      <c r="G87" s="115" t="s">
        <v>240</v>
      </c>
      <c r="H87" s="136" t="s">
        <v>262</v>
      </c>
    </row>
    <row r="88" spans="1:8">
      <c r="C88" s="86"/>
      <c r="D88" s="88"/>
      <c r="E88" s="95"/>
      <c r="F88" s="104"/>
      <c r="G88" s="115" t="s">
        <v>241</v>
      </c>
      <c r="H88" s="136" t="s">
        <v>262</v>
      </c>
    </row>
    <row r="89" spans="1:8">
      <c r="C89" s="86"/>
      <c r="D89" s="88"/>
      <c r="E89" s="95"/>
      <c r="F89" s="104"/>
      <c r="G89" s="115" t="s">
        <v>242</v>
      </c>
      <c r="H89" s="136" t="s">
        <v>262</v>
      </c>
    </row>
    <row r="90" spans="1:8">
      <c r="C90" s="86"/>
      <c r="D90" s="88"/>
      <c r="E90" s="95"/>
      <c r="F90" s="104"/>
      <c r="G90" s="115" t="s">
        <v>243</v>
      </c>
      <c r="H90" s="136" t="s">
        <v>262</v>
      </c>
    </row>
    <row r="91" spans="1:8">
      <c r="C91" s="92">
        <v>12</v>
      </c>
      <c r="D91" s="96" t="s">
        <v>254</v>
      </c>
      <c r="E91" s="97"/>
      <c r="F91" s="98"/>
      <c r="G91" s="99"/>
      <c r="H91" s="113"/>
    </row>
    <row r="92" spans="1:8" ht="24.75">
      <c r="C92" s="86"/>
      <c r="D92" s="88"/>
      <c r="E92" s="162" t="s">
        <v>273</v>
      </c>
      <c r="F92" s="90">
        <v>1</v>
      </c>
      <c r="G92" s="114" t="s">
        <v>274</v>
      </c>
      <c r="H92" s="161" t="s">
        <v>262</v>
      </c>
    </row>
    <row r="93" spans="1:8">
      <c r="C93" s="86"/>
      <c r="D93" s="88"/>
      <c r="E93" s="94" t="s">
        <v>158</v>
      </c>
      <c r="F93" s="90">
        <v>2</v>
      </c>
      <c r="G93" s="114" t="s">
        <v>244</v>
      </c>
      <c r="H93" s="117"/>
    </row>
    <row r="94" spans="1:8">
      <c r="C94" s="86"/>
      <c r="D94" s="88"/>
      <c r="E94" s="33" t="s">
        <v>15</v>
      </c>
      <c r="F94" s="104"/>
      <c r="G94" s="115" t="s">
        <v>245</v>
      </c>
      <c r="H94" s="136" t="s">
        <v>262</v>
      </c>
    </row>
    <row r="95" spans="1:8">
      <c r="C95" s="86"/>
      <c r="D95" s="88"/>
      <c r="E95" s="95"/>
      <c r="F95" s="104"/>
      <c r="G95" s="115" t="s">
        <v>246</v>
      </c>
      <c r="H95" s="136" t="s">
        <v>262</v>
      </c>
    </row>
    <row r="96" spans="1:8">
      <c r="C96" s="86"/>
      <c r="D96" s="88"/>
      <c r="E96" s="95"/>
      <c r="F96" s="104"/>
      <c r="G96" s="115" t="s">
        <v>247</v>
      </c>
      <c r="H96" s="136" t="s">
        <v>262</v>
      </c>
    </row>
    <row r="97" spans="1:8">
      <c r="C97" s="92">
        <v>13</v>
      </c>
      <c r="D97" s="96" t="s">
        <v>255</v>
      </c>
      <c r="E97" s="97"/>
      <c r="F97" s="98"/>
      <c r="G97" s="99"/>
      <c r="H97" s="113"/>
    </row>
    <row r="98" spans="1:8" ht="24.75">
      <c r="C98" s="86"/>
      <c r="D98" s="88"/>
      <c r="E98" s="162" t="s">
        <v>273</v>
      </c>
      <c r="F98" s="90">
        <v>1</v>
      </c>
      <c r="G98" s="114" t="s">
        <v>275</v>
      </c>
      <c r="H98" s="161" t="s">
        <v>262</v>
      </c>
    </row>
    <row r="99" spans="1:8">
      <c r="C99" s="86"/>
      <c r="D99" s="88"/>
      <c r="E99" s="94" t="s">
        <v>158</v>
      </c>
      <c r="F99" s="90">
        <v>2</v>
      </c>
      <c r="G99" s="114" t="s">
        <v>244</v>
      </c>
      <c r="H99" s="117"/>
    </row>
    <row r="100" spans="1:8">
      <c r="C100" s="86"/>
      <c r="D100" s="88"/>
      <c r="E100" s="33" t="s">
        <v>15</v>
      </c>
      <c r="F100" s="104"/>
      <c r="G100" s="115" t="s">
        <v>248</v>
      </c>
      <c r="H100" s="136" t="s">
        <v>262</v>
      </c>
    </row>
    <row r="101" spans="1:8">
      <c r="C101" s="86"/>
      <c r="D101" s="88"/>
      <c r="E101" s="95"/>
      <c r="F101" s="104"/>
      <c r="G101" s="115" t="s">
        <v>246</v>
      </c>
      <c r="H101" s="136" t="s">
        <v>262</v>
      </c>
    </row>
    <row r="102" spans="1:8">
      <c r="C102" s="86"/>
      <c r="D102" s="88"/>
      <c r="E102" s="95"/>
      <c r="F102" s="104"/>
      <c r="G102" s="115" t="s">
        <v>247</v>
      </c>
      <c r="H102" s="136" t="s">
        <v>262</v>
      </c>
    </row>
    <row r="103" spans="1:8">
      <c r="C103" s="86"/>
      <c r="D103" s="88"/>
      <c r="E103" s="95"/>
      <c r="F103" s="104"/>
      <c r="G103" s="115" t="s">
        <v>249</v>
      </c>
      <c r="H103" s="136" t="s">
        <v>262</v>
      </c>
    </row>
    <row r="104" spans="1:8">
      <c r="C104" s="92">
        <v>14</v>
      </c>
      <c r="D104" s="96" t="s">
        <v>256</v>
      </c>
      <c r="E104" s="97"/>
      <c r="F104" s="98"/>
      <c r="G104" s="99"/>
      <c r="H104" s="113"/>
    </row>
    <row r="105" spans="1:8">
      <c r="C105" s="86"/>
      <c r="D105" s="88"/>
      <c r="E105" s="89" t="s">
        <v>157</v>
      </c>
      <c r="F105" s="90">
        <v>1</v>
      </c>
      <c r="G105" s="114" t="s">
        <v>250</v>
      </c>
      <c r="H105" s="347" t="s">
        <v>262</v>
      </c>
    </row>
    <row r="106" spans="1:8" ht="14.25">
      <c r="A106" s="18"/>
      <c r="B106" s="18"/>
      <c r="C106" s="36"/>
      <c r="D106" s="25"/>
      <c r="E106" s="32" t="s">
        <v>14</v>
      </c>
      <c r="F106" s="23"/>
      <c r="G106" s="28" t="s">
        <v>118</v>
      </c>
      <c r="H106" s="347"/>
    </row>
    <row r="107" spans="1:8" ht="25.5">
      <c r="C107" s="86"/>
      <c r="D107" s="88"/>
      <c r="E107" s="163" t="s">
        <v>276</v>
      </c>
      <c r="F107" s="90">
        <v>2</v>
      </c>
      <c r="G107" s="114" t="s">
        <v>277</v>
      </c>
      <c r="H107" s="161" t="s">
        <v>262</v>
      </c>
    </row>
    <row r="108" spans="1:8">
      <c r="C108" s="92">
        <v>15</v>
      </c>
      <c r="D108" s="96" t="s">
        <v>257</v>
      </c>
      <c r="E108" s="97"/>
      <c r="F108" s="98"/>
      <c r="G108" s="99"/>
      <c r="H108" s="113"/>
    </row>
    <row r="109" spans="1:8" ht="24.75">
      <c r="C109" s="86"/>
      <c r="D109" s="88"/>
      <c r="E109" s="162" t="s">
        <v>273</v>
      </c>
      <c r="F109" s="90">
        <v>1</v>
      </c>
      <c r="G109" s="114" t="s">
        <v>279</v>
      </c>
      <c r="H109" s="161" t="s">
        <v>262</v>
      </c>
    </row>
    <row r="110" spans="1:8">
      <c r="C110" s="86"/>
      <c r="D110" s="88"/>
      <c r="E110" s="94" t="s">
        <v>158</v>
      </c>
      <c r="F110" s="90">
        <v>2</v>
      </c>
      <c r="G110" s="114" t="s">
        <v>160</v>
      </c>
      <c r="H110" s="347" t="s">
        <v>262</v>
      </c>
    </row>
    <row r="111" spans="1:8" ht="14.25">
      <c r="A111" s="18"/>
      <c r="B111" s="18"/>
      <c r="C111" s="36"/>
      <c r="D111" s="25"/>
      <c r="E111" s="33" t="s">
        <v>15</v>
      </c>
      <c r="F111" s="23"/>
      <c r="G111" s="28" t="s">
        <v>38</v>
      </c>
      <c r="H111" s="347"/>
    </row>
    <row r="112" spans="1:8">
      <c r="C112" s="86"/>
      <c r="D112" s="88"/>
      <c r="E112" s="95"/>
      <c r="F112" s="90">
        <v>3</v>
      </c>
      <c r="G112" s="114" t="s">
        <v>161</v>
      </c>
      <c r="H112" s="347" t="s">
        <v>262</v>
      </c>
    </row>
    <row r="113" spans="1:8" ht="14.25">
      <c r="A113" s="18"/>
      <c r="B113" s="18"/>
      <c r="C113" s="36"/>
      <c r="D113" s="25"/>
      <c r="E113" s="33"/>
      <c r="F113" s="23"/>
      <c r="G113" s="28" t="s">
        <v>39</v>
      </c>
      <c r="H113" s="347"/>
    </row>
    <row r="114" spans="1:8">
      <c r="C114" s="86"/>
      <c r="D114" s="88"/>
      <c r="E114" s="95"/>
      <c r="F114" s="90">
        <v>4</v>
      </c>
      <c r="G114" s="114" t="s">
        <v>235</v>
      </c>
      <c r="H114" s="347" t="s">
        <v>262</v>
      </c>
    </row>
    <row r="115" spans="1:8" ht="14.25">
      <c r="A115" s="18"/>
      <c r="B115" s="18"/>
      <c r="C115" s="36"/>
      <c r="D115" s="25"/>
      <c r="E115" s="33"/>
      <c r="F115" s="26"/>
      <c r="G115" s="29" t="s">
        <v>40</v>
      </c>
      <c r="H115" s="347"/>
    </row>
    <row r="116" spans="1:8">
      <c r="C116" s="92">
        <v>16</v>
      </c>
      <c r="D116" s="96" t="s">
        <v>258</v>
      </c>
      <c r="E116" s="97"/>
      <c r="F116" s="98"/>
      <c r="G116" s="99"/>
      <c r="H116" s="113"/>
    </row>
    <row r="117" spans="1:8" ht="24.75">
      <c r="C117" s="86"/>
      <c r="D117" s="88"/>
      <c r="E117" s="162" t="s">
        <v>273</v>
      </c>
      <c r="F117" s="90">
        <v>1</v>
      </c>
      <c r="G117" s="114" t="s">
        <v>274</v>
      </c>
      <c r="H117" s="161" t="s">
        <v>262</v>
      </c>
    </row>
    <row r="118" spans="1:8">
      <c r="C118" s="86"/>
      <c r="D118" s="88"/>
      <c r="E118" s="94" t="s">
        <v>158</v>
      </c>
      <c r="F118" s="90">
        <v>2</v>
      </c>
      <c r="G118" s="114" t="s">
        <v>227</v>
      </c>
      <c r="H118" s="348" t="s">
        <v>262</v>
      </c>
    </row>
    <row r="119" spans="1:8" ht="14.25">
      <c r="A119" s="18"/>
      <c r="B119" s="18"/>
      <c r="C119" s="36"/>
      <c r="D119" s="25"/>
      <c r="E119" s="33" t="s">
        <v>15</v>
      </c>
      <c r="F119" s="26"/>
      <c r="G119" s="28" t="s">
        <v>43</v>
      </c>
      <c r="H119" s="357"/>
    </row>
    <row r="120" spans="1:8" s="225" customFormat="1">
      <c r="A120" s="167"/>
      <c r="B120" s="219"/>
      <c r="C120" s="226"/>
      <c r="D120" s="227"/>
      <c r="E120" s="228"/>
      <c r="F120" s="229"/>
      <c r="G120" s="230" t="s">
        <v>526</v>
      </c>
      <c r="H120" s="357"/>
    </row>
    <row r="121" spans="1:8" s="225" customFormat="1" ht="14.25">
      <c r="A121" s="231"/>
      <c r="B121" s="231"/>
      <c r="C121" s="232"/>
      <c r="D121" s="233"/>
      <c r="E121" s="234"/>
      <c r="F121" s="235"/>
      <c r="G121" s="236" t="s">
        <v>260</v>
      </c>
      <c r="H121" s="349"/>
    </row>
    <row r="122" spans="1:8" s="225" customFormat="1">
      <c r="A122" s="167"/>
      <c r="B122" s="219"/>
      <c r="C122" s="220">
        <v>17</v>
      </c>
      <c r="D122" s="221" t="s">
        <v>527</v>
      </c>
      <c r="E122" s="222"/>
      <c r="F122" s="223"/>
      <c r="G122" s="224"/>
      <c r="H122" s="113"/>
    </row>
    <row r="123" spans="1:8" s="225" customFormat="1">
      <c r="A123" s="167"/>
      <c r="B123" s="219"/>
      <c r="C123" s="226"/>
      <c r="D123" s="227"/>
      <c r="E123" s="89" t="s">
        <v>157</v>
      </c>
      <c r="F123" s="237">
        <v>1</v>
      </c>
      <c r="G123" s="238" t="s">
        <v>528</v>
      </c>
      <c r="H123" s="347" t="s">
        <v>262</v>
      </c>
    </row>
    <row r="124" spans="1:8" s="225" customFormat="1" ht="14.25">
      <c r="A124" s="231"/>
      <c r="B124" s="231"/>
      <c r="C124" s="232"/>
      <c r="D124" s="233"/>
      <c r="E124" s="32" t="s">
        <v>14</v>
      </c>
      <c r="F124" s="235"/>
      <c r="G124" s="239" t="s">
        <v>44</v>
      </c>
      <c r="H124" s="347"/>
    </row>
    <row r="125" spans="1:8" s="225" customFormat="1" ht="25.5">
      <c r="A125" s="167"/>
      <c r="B125" s="219"/>
      <c r="C125" s="226"/>
      <c r="D125" s="227"/>
      <c r="E125" s="240" t="s">
        <v>529</v>
      </c>
      <c r="F125" s="237">
        <v>2</v>
      </c>
      <c r="G125" s="238" t="s">
        <v>530</v>
      </c>
      <c r="H125" s="200" t="s">
        <v>262</v>
      </c>
    </row>
    <row r="126" spans="1:8" s="225" customFormat="1">
      <c r="A126" s="167"/>
      <c r="B126" s="219"/>
      <c r="C126" s="220">
        <v>18</v>
      </c>
      <c r="D126" s="221" t="s">
        <v>531</v>
      </c>
      <c r="E126" s="222"/>
      <c r="F126" s="223"/>
      <c r="G126" s="224"/>
      <c r="H126" s="113"/>
    </row>
    <row r="127" spans="1:8" s="225" customFormat="1">
      <c r="A127" s="167"/>
      <c r="B127" s="219"/>
      <c r="C127" s="226"/>
      <c r="D127" s="227"/>
      <c r="E127" s="89" t="s">
        <v>157</v>
      </c>
      <c r="F127" s="237">
        <v>1</v>
      </c>
      <c r="G127" s="238" t="s">
        <v>528</v>
      </c>
      <c r="H127" s="347" t="s">
        <v>262</v>
      </c>
    </row>
    <row r="128" spans="1:8" s="225" customFormat="1" ht="14.25">
      <c r="A128" s="231"/>
      <c r="B128" s="231"/>
      <c r="C128" s="232"/>
      <c r="D128" s="233"/>
      <c r="E128" s="32" t="s">
        <v>14</v>
      </c>
      <c r="F128" s="235"/>
      <c r="G128" s="239" t="s">
        <v>44</v>
      </c>
      <c r="H128" s="347"/>
    </row>
    <row r="129" spans="1:9" s="225" customFormat="1" ht="25.5">
      <c r="A129" s="167"/>
      <c r="B129" s="219"/>
      <c r="C129" s="226"/>
      <c r="D129" s="227"/>
      <c r="E129" s="240" t="s">
        <v>529</v>
      </c>
      <c r="F129" s="237">
        <v>2</v>
      </c>
      <c r="G129" s="238" t="s">
        <v>530</v>
      </c>
      <c r="H129" s="200" t="s">
        <v>262</v>
      </c>
    </row>
    <row r="130" spans="1:9" s="225" customFormat="1">
      <c r="A130" s="167"/>
      <c r="B130" s="219"/>
      <c r="C130" s="220">
        <v>19</v>
      </c>
      <c r="D130" s="221" t="s">
        <v>532</v>
      </c>
      <c r="E130" s="222"/>
      <c r="F130" s="223"/>
      <c r="G130" s="224"/>
      <c r="H130" s="113"/>
    </row>
    <row r="131" spans="1:9" s="225" customFormat="1">
      <c r="A131" s="167"/>
      <c r="B131" s="219"/>
      <c r="C131" s="226"/>
      <c r="D131" s="227"/>
      <c r="E131" s="89" t="s">
        <v>157</v>
      </c>
      <c r="F131" s="237">
        <v>1</v>
      </c>
      <c r="G131" s="238" t="s">
        <v>528</v>
      </c>
      <c r="H131" s="347" t="s">
        <v>262</v>
      </c>
    </row>
    <row r="132" spans="1:9" ht="14.25">
      <c r="A132" s="18"/>
      <c r="B132" s="18"/>
      <c r="C132" s="36"/>
      <c r="D132" s="25"/>
      <c r="E132" s="32" t="s">
        <v>14</v>
      </c>
      <c r="F132" s="23"/>
      <c r="G132" s="28" t="s">
        <v>44</v>
      </c>
      <c r="H132" s="347"/>
    </row>
    <row r="133" spans="1:9" ht="25.5">
      <c r="C133" s="86"/>
      <c r="D133" s="88"/>
      <c r="E133" s="163" t="s">
        <v>276</v>
      </c>
      <c r="F133" s="90">
        <v>2</v>
      </c>
      <c r="G133" s="114" t="s">
        <v>278</v>
      </c>
      <c r="H133" s="161" t="s">
        <v>262</v>
      </c>
    </row>
    <row r="134" spans="1:9">
      <c r="C134" s="92">
        <v>20</v>
      </c>
      <c r="D134" s="96" t="s">
        <v>259</v>
      </c>
      <c r="E134" s="97"/>
      <c r="F134" s="98"/>
      <c r="G134" s="99"/>
      <c r="H134" s="113"/>
    </row>
    <row r="135" spans="1:9" ht="39.75">
      <c r="C135" s="86"/>
      <c r="D135" s="88"/>
      <c r="E135" s="162" t="s">
        <v>273</v>
      </c>
      <c r="F135" s="90">
        <v>1</v>
      </c>
      <c r="G135" s="114" t="s">
        <v>272</v>
      </c>
      <c r="H135" s="161" t="s">
        <v>262</v>
      </c>
    </row>
    <row r="136" spans="1:9" ht="25.5">
      <c r="C136" s="86"/>
      <c r="D136" s="88"/>
      <c r="E136" s="163" t="s">
        <v>276</v>
      </c>
      <c r="F136" s="90">
        <v>2</v>
      </c>
      <c r="G136" s="114" t="s">
        <v>278</v>
      </c>
      <c r="H136" s="161" t="s">
        <v>262</v>
      </c>
    </row>
    <row r="137" spans="1:9" s="225" customFormat="1" ht="14.25">
      <c r="A137" s="231"/>
      <c r="B137" s="231"/>
      <c r="C137" s="296">
        <v>21</v>
      </c>
      <c r="D137" s="241" t="s">
        <v>533</v>
      </c>
      <c r="E137" s="242"/>
      <c r="F137" s="223"/>
      <c r="G137" s="243"/>
      <c r="H137" s="113"/>
    </row>
    <row r="138" spans="1:9" s="225" customFormat="1" ht="24.75">
      <c r="A138" s="231"/>
      <c r="B138" s="231"/>
      <c r="C138" s="244"/>
      <c r="D138" s="245"/>
      <c r="E138" s="162" t="s">
        <v>576</v>
      </c>
      <c r="F138" s="237">
        <v>1</v>
      </c>
      <c r="G138" s="246" t="s">
        <v>534</v>
      </c>
      <c r="H138" s="200" t="s">
        <v>262</v>
      </c>
    </row>
    <row r="139" spans="1:9" s="225" customFormat="1" ht="14.25">
      <c r="A139" s="231"/>
      <c r="B139" s="231"/>
      <c r="C139" s="244"/>
      <c r="D139" s="245"/>
      <c r="E139" s="247" t="s">
        <v>535</v>
      </c>
      <c r="F139" s="237">
        <v>2</v>
      </c>
      <c r="G139" s="246" t="s">
        <v>530</v>
      </c>
      <c r="H139" s="200" t="s">
        <v>262</v>
      </c>
    </row>
    <row r="140" spans="1:9" s="225" customFormat="1" ht="14.25">
      <c r="A140" s="231"/>
      <c r="B140" s="231"/>
      <c r="C140" s="244"/>
      <c r="D140" s="245"/>
      <c r="E140" s="234" t="s">
        <v>15</v>
      </c>
      <c r="F140" s="237">
        <v>3</v>
      </c>
      <c r="G140" s="246" t="s">
        <v>536</v>
      </c>
      <c r="H140" s="348" t="s">
        <v>262</v>
      </c>
    </row>
    <row r="141" spans="1:9" s="225" customFormat="1" ht="24">
      <c r="A141" s="231"/>
      <c r="B141" s="231"/>
      <c r="C141" s="248"/>
      <c r="D141" s="249"/>
      <c r="E141" s="250"/>
      <c r="F141" s="251"/>
      <c r="G141" s="252" t="s">
        <v>350</v>
      </c>
      <c r="H141" s="357"/>
    </row>
    <row r="142" spans="1:9" s="225" customFormat="1" ht="14.25">
      <c r="A142" s="231"/>
      <c r="B142" s="231"/>
      <c r="C142" s="244"/>
      <c r="D142" s="245"/>
      <c r="E142" s="253"/>
      <c r="F142" s="229"/>
      <c r="G142" s="254" t="s">
        <v>537</v>
      </c>
      <c r="H142" s="357"/>
    </row>
    <row r="143" spans="1:9" s="225" customFormat="1" ht="14.25">
      <c r="A143" s="231"/>
      <c r="B143" s="231"/>
      <c r="C143" s="255"/>
      <c r="D143" s="256"/>
      <c r="E143" s="257"/>
      <c r="F143" s="235"/>
      <c r="G143" s="258" t="s">
        <v>260</v>
      </c>
      <c r="H143" s="349"/>
    </row>
    <row r="144" spans="1:9" s="225" customFormat="1" ht="14.25">
      <c r="A144" s="356" t="s">
        <v>217</v>
      </c>
      <c r="B144" s="356"/>
      <c r="C144" s="356"/>
      <c r="D144" s="356"/>
      <c r="E144" s="356"/>
      <c r="F144" s="356"/>
      <c r="G144" s="356"/>
      <c r="H144" s="356"/>
      <c r="I144" s="356"/>
    </row>
    <row r="145" spans="1:7" s="225" customFormat="1">
      <c r="A145" s="167"/>
      <c r="B145" s="219"/>
      <c r="C145" s="259"/>
      <c r="E145" s="259"/>
      <c r="F145" s="260"/>
      <c r="G145" s="261"/>
    </row>
    <row r="146" spans="1:7">
      <c r="G146" s="118"/>
    </row>
  </sheetData>
  <sheetProtection password="E0C6" sheet="1" scenarios="1" selectLockedCells="1"/>
  <mergeCells count="38">
    <mergeCell ref="H24:H25"/>
    <mergeCell ref="H38:H39"/>
    <mergeCell ref="A77:I77"/>
    <mergeCell ref="H57:H58"/>
    <mergeCell ref="H59:H60"/>
    <mergeCell ref="H36:H37"/>
    <mergeCell ref="C6:E6"/>
    <mergeCell ref="H69:H70"/>
    <mergeCell ref="H43:H44"/>
    <mergeCell ref="H45:H46"/>
    <mergeCell ref="H47:H48"/>
    <mergeCell ref="H50:H51"/>
    <mergeCell ref="H62:H63"/>
    <mergeCell ref="H8:H9"/>
    <mergeCell ref="H10:H11"/>
    <mergeCell ref="H41:H42"/>
    <mergeCell ref="H19:H20"/>
    <mergeCell ref="H21:H22"/>
    <mergeCell ref="H26:H27"/>
    <mergeCell ref="H29:H30"/>
    <mergeCell ref="H31:H32"/>
    <mergeCell ref="H34:H35"/>
    <mergeCell ref="A144:I144"/>
    <mergeCell ref="H64:H65"/>
    <mergeCell ref="H67:H68"/>
    <mergeCell ref="H52:H53"/>
    <mergeCell ref="H55:H56"/>
    <mergeCell ref="H131:H132"/>
    <mergeCell ref="H110:H111"/>
    <mergeCell ref="H112:H113"/>
    <mergeCell ref="H114:H115"/>
    <mergeCell ref="H123:H124"/>
    <mergeCell ref="H140:H143"/>
    <mergeCell ref="H127:H128"/>
    <mergeCell ref="H118:H121"/>
    <mergeCell ref="C79:E79"/>
    <mergeCell ref="H105:H106"/>
    <mergeCell ref="H83:H84"/>
  </mergeCells>
  <phoneticPr fontId="5"/>
  <conditionalFormatting sqref="H131 H24 H34 H41 H50 H55 H67 H92 H98 H105 H117 H8 H135 H123 H127 H29 H19 H10 H57 H81:H82">
    <cfRule type="cellIs" dxfId="83" priority="91" stopIfTrue="1" operator="equal">
      <formula>"X"</formula>
    </cfRule>
  </conditionalFormatting>
  <conditionalFormatting sqref="H109">
    <cfRule type="cellIs" dxfId="82" priority="89" stopIfTrue="1" operator="equal">
      <formula>"X"</formula>
    </cfRule>
  </conditionalFormatting>
  <conditionalFormatting sqref="H62">
    <cfRule type="cellIs" dxfId="81" priority="86" operator="equal">
      <formula>"X"</formula>
    </cfRule>
  </conditionalFormatting>
  <conditionalFormatting sqref="H21">
    <cfRule type="cellIs" dxfId="80" priority="85" stopIfTrue="1" operator="equal">
      <formula>"X"</formula>
    </cfRule>
  </conditionalFormatting>
  <conditionalFormatting sqref="H21">
    <cfRule type="cellIs" dxfId="79" priority="84" operator="equal">
      <formula>"X"</formula>
    </cfRule>
  </conditionalFormatting>
  <conditionalFormatting sqref="H14">
    <cfRule type="cellIs" dxfId="78" priority="81" stopIfTrue="1" operator="equal">
      <formula>"X"</formula>
    </cfRule>
  </conditionalFormatting>
  <conditionalFormatting sqref="H14">
    <cfRule type="cellIs" dxfId="77" priority="80" operator="equal">
      <formula>"X"</formula>
    </cfRule>
  </conditionalFormatting>
  <conditionalFormatting sqref="H15">
    <cfRule type="cellIs" dxfId="76" priority="79" stopIfTrue="1" operator="equal">
      <formula>"X"</formula>
    </cfRule>
  </conditionalFormatting>
  <conditionalFormatting sqref="H15">
    <cfRule type="cellIs" dxfId="75" priority="78" operator="equal">
      <formula>"X"</formula>
    </cfRule>
  </conditionalFormatting>
  <conditionalFormatting sqref="H16">
    <cfRule type="cellIs" dxfId="74" priority="77" stopIfTrue="1" operator="equal">
      <formula>"X"</formula>
    </cfRule>
  </conditionalFormatting>
  <conditionalFormatting sqref="H16">
    <cfRule type="cellIs" dxfId="73" priority="76" operator="equal">
      <formula>"X"</formula>
    </cfRule>
  </conditionalFormatting>
  <conditionalFormatting sqref="H17">
    <cfRule type="cellIs" dxfId="72" priority="75" stopIfTrue="1" operator="equal">
      <formula>"X"</formula>
    </cfRule>
  </conditionalFormatting>
  <conditionalFormatting sqref="H17">
    <cfRule type="cellIs" dxfId="71" priority="74" operator="equal">
      <formula>"X"</formula>
    </cfRule>
  </conditionalFormatting>
  <conditionalFormatting sqref="H26">
    <cfRule type="cellIs" dxfId="70" priority="73" stopIfTrue="1" operator="equal">
      <formula>"X"</formula>
    </cfRule>
  </conditionalFormatting>
  <conditionalFormatting sqref="H26">
    <cfRule type="cellIs" dxfId="69" priority="72" operator="equal">
      <formula>"X"</formula>
    </cfRule>
  </conditionalFormatting>
  <conditionalFormatting sqref="H31">
    <cfRule type="cellIs" dxfId="68" priority="71" stopIfTrue="1" operator="equal">
      <formula>"X"</formula>
    </cfRule>
  </conditionalFormatting>
  <conditionalFormatting sqref="H31">
    <cfRule type="cellIs" dxfId="67" priority="70" operator="equal">
      <formula>"X"</formula>
    </cfRule>
  </conditionalFormatting>
  <conditionalFormatting sqref="H36">
    <cfRule type="cellIs" dxfId="66" priority="69" stopIfTrue="1" operator="equal">
      <formula>"X"</formula>
    </cfRule>
  </conditionalFormatting>
  <conditionalFormatting sqref="H36">
    <cfRule type="cellIs" dxfId="65" priority="68" operator="equal">
      <formula>"X"</formula>
    </cfRule>
  </conditionalFormatting>
  <conditionalFormatting sqref="H38">
    <cfRule type="cellIs" dxfId="64" priority="67" stopIfTrue="1" operator="equal">
      <formula>"X"</formula>
    </cfRule>
  </conditionalFormatting>
  <conditionalFormatting sqref="H38">
    <cfRule type="cellIs" dxfId="63" priority="66" operator="equal">
      <formula>"X"</formula>
    </cfRule>
  </conditionalFormatting>
  <conditionalFormatting sqref="H43">
    <cfRule type="cellIs" dxfId="62" priority="65" stopIfTrue="1" operator="equal">
      <formula>"X"</formula>
    </cfRule>
  </conditionalFormatting>
  <conditionalFormatting sqref="H43">
    <cfRule type="cellIs" dxfId="61" priority="64" operator="equal">
      <formula>"X"</formula>
    </cfRule>
  </conditionalFormatting>
  <conditionalFormatting sqref="H45">
    <cfRule type="cellIs" dxfId="60" priority="63" stopIfTrue="1" operator="equal">
      <formula>"X"</formula>
    </cfRule>
  </conditionalFormatting>
  <conditionalFormatting sqref="H45">
    <cfRule type="cellIs" dxfId="59" priority="62" operator="equal">
      <formula>"X"</formula>
    </cfRule>
  </conditionalFormatting>
  <conditionalFormatting sqref="H47">
    <cfRule type="cellIs" dxfId="58" priority="61" stopIfTrue="1" operator="equal">
      <formula>"X"</formula>
    </cfRule>
  </conditionalFormatting>
  <conditionalFormatting sqref="H47">
    <cfRule type="cellIs" dxfId="57" priority="60" operator="equal">
      <formula>"X"</formula>
    </cfRule>
  </conditionalFormatting>
  <conditionalFormatting sqref="H52">
    <cfRule type="cellIs" dxfId="56" priority="59" stopIfTrue="1" operator="equal">
      <formula>"X"</formula>
    </cfRule>
  </conditionalFormatting>
  <conditionalFormatting sqref="H52">
    <cfRule type="cellIs" dxfId="55" priority="58" operator="equal">
      <formula>"X"</formula>
    </cfRule>
  </conditionalFormatting>
  <conditionalFormatting sqref="H59">
    <cfRule type="cellIs" dxfId="54" priority="57" stopIfTrue="1" operator="equal">
      <formula>"X"</formula>
    </cfRule>
  </conditionalFormatting>
  <conditionalFormatting sqref="H59">
    <cfRule type="cellIs" dxfId="53" priority="56" operator="equal">
      <formula>"X"</formula>
    </cfRule>
  </conditionalFormatting>
  <conditionalFormatting sqref="H64">
    <cfRule type="cellIs" dxfId="52" priority="55" stopIfTrue="1" operator="equal">
      <formula>"X"</formula>
    </cfRule>
  </conditionalFormatting>
  <conditionalFormatting sqref="H64">
    <cfRule type="cellIs" dxfId="51" priority="54" operator="equal">
      <formula>"X"</formula>
    </cfRule>
  </conditionalFormatting>
  <conditionalFormatting sqref="H69">
    <cfRule type="cellIs" dxfId="50" priority="53" stopIfTrue="1" operator="equal">
      <formula>"X"</formula>
    </cfRule>
  </conditionalFormatting>
  <conditionalFormatting sqref="H69">
    <cfRule type="cellIs" dxfId="49" priority="52" operator="equal">
      <formula>"X"</formula>
    </cfRule>
  </conditionalFormatting>
  <conditionalFormatting sqref="H83">
    <cfRule type="cellIs" dxfId="48" priority="51" stopIfTrue="1" operator="equal">
      <formula>"X"</formula>
    </cfRule>
  </conditionalFormatting>
  <conditionalFormatting sqref="H83">
    <cfRule type="cellIs" dxfId="47" priority="50" operator="equal">
      <formula>"X"</formula>
    </cfRule>
  </conditionalFormatting>
  <conditionalFormatting sqref="H107">
    <cfRule type="cellIs" dxfId="46" priority="49" stopIfTrue="1" operator="equal">
      <formula>"X"</formula>
    </cfRule>
  </conditionalFormatting>
  <conditionalFormatting sqref="H107">
    <cfRule type="cellIs" dxfId="45" priority="48" operator="equal">
      <formula>"X"</formula>
    </cfRule>
  </conditionalFormatting>
  <conditionalFormatting sqref="H110">
    <cfRule type="cellIs" dxfId="44" priority="47" stopIfTrue="1" operator="equal">
      <formula>"X"</formula>
    </cfRule>
  </conditionalFormatting>
  <conditionalFormatting sqref="H110">
    <cfRule type="cellIs" dxfId="43" priority="46" operator="equal">
      <formula>"X"</formula>
    </cfRule>
  </conditionalFormatting>
  <conditionalFormatting sqref="H112">
    <cfRule type="cellIs" dxfId="42" priority="45" stopIfTrue="1" operator="equal">
      <formula>"X"</formula>
    </cfRule>
  </conditionalFormatting>
  <conditionalFormatting sqref="H112">
    <cfRule type="cellIs" dxfId="41" priority="44" operator="equal">
      <formula>"X"</formula>
    </cfRule>
  </conditionalFormatting>
  <conditionalFormatting sqref="H114">
    <cfRule type="cellIs" dxfId="40" priority="43" stopIfTrue="1" operator="equal">
      <formula>"X"</formula>
    </cfRule>
  </conditionalFormatting>
  <conditionalFormatting sqref="H114">
    <cfRule type="cellIs" dxfId="39" priority="42" operator="equal">
      <formula>"X"</formula>
    </cfRule>
  </conditionalFormatting>
  <conditionalFormatting sqref="H125">
    <cfRule type="cellIs" dxfId="38" priority="41" stopIfTrue="1" operator="equal">
      <formula>"X"</formula>
    </cfRule>
  </conditionalFormatting>
  <conditionalFormatting sqref="H125">
    <cfRule type="cellIs" dxfId="37" priority="40" operator="equal">
      <formula>"X"</formula>
    </cfRule>
  </conditionalFormatting>
  <conditionalFormatting sqref="H129">
    <cfRule type="cellIs" dxfId="36" priority="39" stopIfTrue="1" operator="equal">
      <formula>"X"</formula>
    </cfRule>
  </conditionalFormatting>
  <conditionalFormatting sqref="H129">
    <cfRule type="cellIs" dxfId="35" priority="38" operator="equal">
      <formula>"X"</formula>
    </cfRule>
  </conditionalFormatting>
  <conditionalFormatting sqref="H133">
    <cfRule type="cellIs" dxfId="34" priority="37" stopIfTrue="1" operator="equal">
      <formula>"X"</formula>
    </cfRule>
  </conditionalFormatting>
  <conditionalFormatting sqref="H133">
    <cfRule type="cellIs" dxfId="33" priority="36" operator="equal">
      <formula>"X"</formula>
    </cfRule>
  </conditionalFormatting>
  <conditionalFormatting sqref="H136">
    <cfRule type="cellIs" dxfId="32" priority="35" stopIfTrue="1" operator="equal">
      <formula>"X"</formula>
    </cfRule>
  </conditionalFormatting>
  <conditionalFormatting sqref="H136">
    <cfRule type="cellIs" dxfId="31" priority="34" operator="equal">
      <formula>"X"</formula>
    </cfRule>
  </conditionalFormatting>
  <conditionalFormatting sqref="H86">
    <cfRule type="cellIs" dxfId="30" priority="31" stopIfTrue="1" operator="equal">
      <formula>"X"</formula>
    </cfRule>
  </conditionalFormatting>
  <conditionalFormatting sqref="H86">
    <cfRule type="cellIs" dxfId="29" priority="30" operator="equal">
      <formula>"X"</formula>
    </cfRule>
  </conditionalFormatting>
  <conditionalFormatting sqref="H87">
    <cfRule type="cellIs" dxfId="28" priority="29" stopIfTrue="1" operator="equal">
      <formula>"X"</formula>
    </cfRule>
  </conditionalFormatting>
  <conditionalFormatting sqref="H87">
    <cfRule type="cellIs" dxfId="27" priority="28" operator="equal">
      <formula>"X"</formula>
    </cfRule>
  </conditionalFormatting>
  <conditionalFormatting sqref="H88">
    <cfRule type="cellIs" dxfId="26" priority="27" stopIfTrue="1" operator="equal">
      <formula>"X"</formula>
    </cfRule>
  </conditionalFormatting>
  <conditionalFormatting sqref="H88">
    <cfRule type="cellIs" dxfId="25" priority="26" operator="equal">
      <formula>"X"</formula>
    </cfRule>
  </conditionalFormatting>
  <conditionalFormatting sqref="H89">
    <cfRule type="cellIs" dxfId="24" priority="25" stopIfTrue="1" operator="equal">
      <formula>"X"</formula>
    </cfRule>
  </conditionalFormatting>
  <conditionalFormatting sqref="H89">
    <cfRule type="cellIs" dxfId="23" priority="24" operator="equal">
      <formula>"X"</formula>
    </cfRule>
  </conditionalFormatting>
  <conditionalFormatting sqref="H90">
    <cfRule type="cellIs" dxfId="22" priority="23" stopIfTrue="1" operator="equal">
      <formula>"X"</formula>
    </cfRule>
  </conditionalFormatting>
  <conditionalFormatting sqref="H90">
    <cfRule type="cellIs" dxfId="21" priority="22" operator="equal">
      <formula>"X"</formula>
    </cfRule>
  </conditionalFormatting>
  <conditionalFormatting sqref="H94">
    <cfRule type="cellIs" dxfId="20" priority="21" stopIfTrue="1" operator="equal">
      <formula>"X"</formula>
    </cfRule>
  </conditionalFormatting>
  <conditionalFormatting sqref="H94">
    <cfRule type="cellIs" dxfId="19" priority="20" operator="equal">
      <formula>"X"</formula>
    </cfRule>
  </conditionalFormatting>
  <conditionalFormatting sqref="H95">
    <cfRule type="cellIs" dxfId="18" priority="19" stopIfTrue="1" operator="equal">
      <formula>"X"</formula>
    </cfRule>
  </conditionalFormatting>
  <conditionalFormatting sqref="H95">
    <cfRule type="cellIs" dxfId="17" priority="18" operator="equal">
      <formula>"X"</formula>
    </cfRule>
  </conditionalFormatting>
  <conditionalFormatting sqref="H96">
    <cfRule type="cellIs" dxfId="16" priority="17" stopIfTrue="1" operator="equal">
      <formula>"X"</formula>
    </cfRule>
  </conditionalFormatting>
  <conditionalFormatting sqref="H96">
    <cfRule type="cellIs" dxfId="15" priority="16" operator="equal">
      <formula>"X"</formula>
    </cfRule>
  </conditionalFormatting>
  <conditionalFormatting sqref="H100">
    <cfRule type="cellIs" dxfId="14" priority="15" stopIfTrue="1" operator="equal">
      <formula>"X"</formula>
    </cfRule>
  </conditionalFormatting>
  <conditionalFormatting sqref="H100">
    <cfRule type="cellIs" dxfId="13" priority="14" operator="equal">
      <formula>"X"</formula>
    </cfRule>
  </conditionalFormatting>
  <conditionalFormatting sqref="H101">
    <cfRule type="cellIs" dxfId="12" priority="13" stopIfTrue="1" operator="equal">
      <formula>"X"</formula>
    </cfRule>
  </conditionalFormatting>
  <conditionalFormatting sqref="H101">
    <cfRule type="cellIs" dxfId="11" priority="12" operator="equal">
      <formula>"X"</formula>
    </cfRule>
  </conditionalFormatting>
  <conditionalFormatting sqref="H102">
    <cfRule type="cellIs" dxfId="10" priority="11" stopIfTrue="1" operator="equal">
      <formula>"X"</formula>
    </cfRule>
  </conditionalFormatting>
  <conditionalFormatting sqref="H102">
    <cfRule type="cellIs" dxfId="9" priority="10" operator="equal">
      <formula>"X"</formula>
    </cfRule>
  </conditionalFormatting>
  <conditionalFormatting sqref="H103">
    <cfRule type="cellIs" dxfId="8" priority="9" stopIfTrue="1" operator="equal">
      <formula>"X"</formula>
    </cfRule>
  </conditionalFormatting>
  <conditionalFormatting sqref="H103">
    <cfRule type="cellIs" dxfId="7" priority="8" operator="equal">
      <formula>"X"</formula>
    </cfRule>
  </conditionalFormatting>
  <conditionalFormatting sqref="H118">
    <cfRule type="cellIs" dxfId="6" priority="7" stopIfTrue="1" operator="equal">
      <formula>"X"</formula>
    </cfRule>
  </conditionalFormatting>
  <conditionalFormatting sqref="H118">
    <cfRule type="cellIs" dxfId="5" priority="6" operator="equal">
      <formula>"X"</formula>
    </cfRule>
  </conditionalFormatting>
  <conditionalFormatting sqref="H138">
    <cfRule type="cellIs" dxfId="4" priority="5" stopIfTrue="1" operator="equal">
      <formula>"X"</formula>
    </cfRule>
  </conditionalFormatting>
  <conditionalFormatting sqref="H139">
    <cfRule type="cellIs" dxfId="3" priority="4" stopIfTrue="1" operator="equal">
      <formula>"X"</formula>
    </cfRule>
  </conditionalFormatting>
  <conditionalFormatting sqref="H139">
    <cfRule type="cellIs" dxfId="2" priority="3" operator="equal">
      <formula>"X"</formula>
    </cfRule>
  </conditionalFormatting>
  <conditionalFormatting sqref="H140">
    <cfRule type="cellIs" dxfId="1" priority="2" stopIfTrue="1" operator="equal">
      <formula>"X"</formula>
    </cfRule>
  </conditionalFormatting>
  <conditionalFormatting sqref="H140">
    <cfRule type="cellIs" dxfId="0" priority="1" operator="equal">
      <formula>"X"</formula>
    </cfRule>
  </conditionalFormatting>
  <dataValidations count="1">
    <dataValidation type="list" allowBlank="1" showInputMessage="1" showErrorMessage="1" sqref="H59 H21 H114 H100:H103 H129 H125 H133 H81:H83 H57 H10 H26 H38 H107 H98 H64 H31 H47 H19 H14:H17 H8 H55 H50 H45 H43 H41 H36 H34 H29 H24 H92 H69 H67 H62 H86:H90 H94:H96 H112 H109:H110 H105 H135:H136 H131 H127 H123 H52 H117:H118 H138:H140">
      <formula1>"　,X"</formula1>
    </dataValidation>
  </dataValidations>
  <printOptions horizontalCentered="1"/>
  <pageMargins left="0.59055118110236227" right="0.59055118110236227" top="0.59055118110236227" bottom="0.19685039370078741" header="0.31496062992125984" footer="0.31496062992125984"/>
  <pageSetup paperSize="9" scale="66" fitToHeight="2" orientation="portrait" r:id="rId1"/>
  <headerFooter>
    <oddFooter>&amp;LOthers (appendix.)&amp;RV.10.0 (revised on Jun. 2018)</oddFooter>
  </headerFooter>
  <rowBreaks count="1" manualBreakCount="1">
    <brk id="77" max="7"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60"/>
  <sheetViews>
    <sheetView showGridLines="0" view="pageBreakPreview" zoomScaleNormal="85" zoomScaleSheetLayoutView="100" workbookViewId="0"/>
  </sheetViews>
  <sheetFormatPr defaultColWidth="1.5703125" defaultRowHeight="12.75"/>
  <cols>
    <col min="1" max="1" width="5.7109375" style="43" customWidth="1"/>
    <col min="2" max="2" width="4.28515625" style="64" customWidth="1"/>
    <col min="3" max="3" width="39.7109375" style="43" customWidth="1"/>
    <col min="4" max="4" width="22.85546875" style="43" bestFit="1" customWidth="1"/>
    <col min="5" max="5" width="30.7109375" style="43" customWidth="1"/>
    <col min="6" max="16384" width="1.5703125" style="43"/>
  </cols>
  <sheetData>
    <row r="1" spans="1:5">
      <c r="A1" s="53"/>
      <c r="B1" s="154"/>
      <c r="C1" s="124"/>
      <c r="D1" s="128"/>
      <c r="E1" s="128" t="s">
        <v>188</v>
      </c>
    </row>
    <row r="2" spans="1:5" ht="15.75">
      <c r="A2" s="75" t="s">
        <v>599</v>
      </c>
      <c r="B2" s="154"/>
      <c r="C2" s="124"/>
      <c r="D2" s="124"/>
      <c r="E2" s="124"/>
    </row>
    <row r="3" spans="1:5">
      <c r="A3" s="53"/>
      <c r="B3" s="154"/>
      <c r="C3" s="124"/>
      <c r="D3" s="124"/>
      <c r="E3" s="124"/>
    </row>
    <row r="4" spans="1:5">
      <c r="A4" s="142" t="s">
        <v>269</v>
      </c>
      <c r="D4" s="142"/>
      <c r="E4" s="142"/>
    </row>
    <row r="5" spans="1:5">
      <c r="A5" s="53"/>
      <c r="B5" s="154"/>
      <c r="C5" s="124"/>
      <c r="D5" s="124"/>
      <c r="E5" s="124"/>
    </row>
    <row r="6" spans="1:5">
      <c r="A6" s="53" t="s">
        <v>454</v>
      </c>
      <c r="B6" s="154"/>
      <c r="C6" s="124"/>
      <c r="D6" s="124"/>
      <c r="E6" s="124"/>
    </row>
    <row r="7" spans="1:5">
      <c r="A7" s="287"/>
      <c r="B7" s="358" t="s">
        <v>271</v>
      </c>
      <c r="C7" s="297" t="s">
        <v>600</v>
      </c>
      <c r="D7" s="297" t="s">
        <v>605</v>
      </c>
      <c r="E7" s="123"/>
    </row>
    <row r="8" spans="1:5" ht="13.5" thickBot="1">
      <c r="A8" s="125"/>
      <c r="B8" s="359"/>
      <c r="C8" s="298" t="s">
        <v>628</v>
      </c>
      <c r="D8" s="288" t="s">
        <v>629</v>
      </c>
      <c r="E8" s="288" t="s">
        <v>630</v>
      </c>
    </row>
    <row r="9" spans="1:5" ht="13.5" thickTop="1">
      <c r="A9" s="126" t="s">
        <v>455</v>
      </c>
      <c r="B9" s="155"/>
      <c r="C9" s="299"/>
      <c r="D9" s="299"/>
      <c r="E9" s="300"/>
    </row>
    <row r="10" spans="1:5">
      <c r="A10" s="119"/>
      <c r="B10" s="153">
        <v>1</v>
      </c>
      <c r="C10" s="171" t="s">
        <v>631</v>
      </c>
      <c r="D10" s="270" t="s">
        <v>632</v>
      </c>
      <c r="E10" s="172"/>
    </row>
    <row r="11" spans="1:5">
      <c r="A11" s="119"/>
      <c r="B11" s="156">
        <v>2</v>
      </c>
      <c r="C11" s="174" t="s">
        <v>633</v>
      </c>
      <c r="D11" s="301" t="s">
        <v>268</v>
      </c>
      <c r="E11" s="302"/>
    </row>
    <row r="12" spans="1:5">
      <c r="A12" s="119"/>
      <c r="B12" s="157">
        <v>3</v>
      </c>
      <c r="C12" s="177" t="s">
        <v>634</v>
      </c>
      <c r="D12" s="266" t="s">
        <v>268</v>
      </c>
      <c r="E12" s="175"/>
    </row>
    <row r="13" spans="1:5" ht="12.75" customHeight="1">
      <c r="A13" s="119"/>
      <c r="B13" s="157">
        <v>4</v>
      </c>
      <c r="C13" s="177" t="s">
        <v>635</v>
      </c>
      <c r="D13" s="266" t="s">
        <v>268</v>
      </c>
      <c r="E13" s="175"/>
    </row>
    <row r="14" spans="1:5" ht="25.5">
      <c r="A14" s="120"/>
      <c r="B14" s="152">
        <v>5</v>
      </c>
      <c r="C14" s="179" t="s">
        <v>636</v>
      </c>
      <c r="D14" s="268" t="s">
        <v>268</v>
      </c>
      <c r="E14" s="180"/>
    </row>
    <row r="15" spans="1:5">
      <c r="A15" s="126" t="s">
        <v>456</v>
      </c>
      <c r="B15" s="149"/>
      <c r="C15" s="182"/>
      <c r="D15" s="181"/>
      <c r="E15" s="185"/>
    </row>
    <row r="16" spans="1:5" ht="44.25" customHeight="1">
      <c r="A16" s="119"/>
      <c r="B16" s="158">
        <v>1</v>
      </c>
      <c r="C16" s="171" t="s">
        <v>637</v>
      </c>
      <c r="D16" s="270" t="s">
        <v>268</v>
      </c>
      <c r="E16" s="303" t="s">
        <v>604</v>
      </c>
    </row>
    <row r="17" spans="1:5" ht="44.25" customHeight="1">
      <c r="A17" s="119"/>
      <c r="B17" s="157">
        <v>2</v>
      </c>
      <c r="C17" s="177" t="s">
        <v>638</v>
      </c>
      <c r="D17" s="266" t="s">
        <v>268</v>
      </c>
      <c r="E17" s="175" t="s">
        <v>639</v>
      </c>
    </row>
    <row r="18" spans="1:5">
      <c r="A18" s="120"/>
      <c r="B18" s="152">
        <v>3</v>
      </c>
      <c r="C18" s="133" t="s">
        <v>457</v>
      </c>
      <c r="D18" s="137" t="s">
        <v>268</v>
      </c>
      <c r="E18" s="145"/>
    </row>
    <row r="19" spans="1:5">
      <c r="A19" s="126" t="s">
        <v>458</v>
      </c>
      <c r="B19" s="149"/>
      <c r="C19" s="132"/>
      <c r="D19" s="149"/>
      <c r="E19" s="134"/>
    </row>
    <row r="20" spans="1:5">
      <c r="A20" s="119"/>
      <c r="B20" s="158">
        <v>1</v>
      </c>
      <c r="C20" s="130" t="s">
        <v>459</v>
      </c>
      <c r="D20" s="150" t="s">
        <v>268</v>
      </c>
      <c r="E20" s="143"/>
    </row>
    <row r="21" spans="1:5">
      <c r="A21" s="119"/>
      <c r="B21" s="157">
        <v>2</v>
      </c>
      <c r="C21" s="131" t="s">
        <v>460</v>
      </c>
      <c r="D21" s="148" t="s">
        <v>268</v>
      </c>
      <c r="E21" s="144"/>
    </row>
    <row r="22" spans="1:5" ht="24.75">
      <c r="A22" s="119"/>
      <c r="B22" s="157">
        <v>3</v>
      </c>
      <c r="C22" s="131" t="s">
        <v>461</v>
      </c>
      <c r="D22" s="148" t="s">
        <v>268</v>
      </c>
      <c r="E22" s="144"/>
    </row>
    <row r="23" spans="1:5">
      <c r="A23" s="119"/>
      <c r="B23" s="157">
        <v>4</v>
      </c>
      <c r="C23" s="131" t="s">
        <v>462</v>
      </c>
      <c r="D23" s="148" t="s">
        <v>268</v>
      </c>
      <c r="E23" s="144"/>
    </row>
    <row r="24" spans="1:5">
      <c r="A24" s="119"/>
      <c r="B24" s="157">
        <v>5</v>
      </c>
      <c r="C24" s="131" t="s">
        <v>463</v>
      </c>
      <c r="D24" s="148" t="s">
        <v>268</v>
      </c>
      <c r="E24" s="144"/>
    </row>
    <row r="25" spans="1:5">
      <c r="A25" s="119"/>
      <c r="B25" s="157">
        <v>6</v>
      </c>
      <c r="C25" s="131" t="s">
        <v>464</v>
      </c>
      <c r="D25" s="148" t="s">
        <v>268</v>
      </c>
      <c r="E25" s="144"/>
    </row>
    <row r="26" spans="1:5">
      <c r="A26" s="119"/>
      <c r="B26" s="157">
        <v>7</v>
      </c>
      <c r="C26" s="131" t="s">
        <v>465</v>
      </c>
      <c r="D26" s="148" t="s">
        <v>268</v>
      </c>
      <c r="E26" s="144"/>
    </row>
    <row r="27" spans="1:5" ht="24.75">
      <c r="A27" s="119"/>
      <c r="B27" s="157">
        <v>8</v>
      </c>
      <c r="C27" s="127" t="s">
        <v>466</v>
      </c>
      <c r="D27" s="151" t="s">
        <v>268</v>
      </c>
      <c r="E27" s="146"/>
    </row>
    <row r="28" spans="1:5" s="164" customFormat="1">
      <c r="A28" s="262"/>
      <c r="B28" s="176">
        <v>9</v>
      </c>
      <c r="C28" s="263" t="s">
        <v>538</v>
      </c>
      <c r="D28" s="264" t="s">
        <v>268</v>
      </c>
      <c r="E28" s="265"/>
    </row>
    <row r="29" spans="1:5" s="164" customFormat="1">
      <c r="A29" s="262"/>
      <c r="B29" s="176">
        <v>10</v>
      </c>
      <c r="C29" s="263" t="s">
        <v>539</v>
      </c>
      <c r="D29" s="264" t="s">
        <v>268</v>
      </c>
      <c r="E29" s="265"/>
    </row>
    <row r="30" spans="1:5" s="164" customFormat="1">
      <c r="A30" s="262"/>
      <c r="B30" s="176">
        <v>11</v>
      </c>
      <c r="C30" s="263" t="s">
        <v>540</v>
      </c>
      <c r="D30" s="264" t="s">
        <v>268</v>
      </c>
      <c r="E30" s="265"/>
    </row>
    <row r="31" spans="1:5" s="164" customFormat="1">
      <c r="A31" s="262"/>
      <c r="B31" s="176">
        <v>12</v>
      </c>
      <c r="C31" s="263" t="s">
        <v>541</v>
      </c>
      <c r="D31" s="264" t="s">
        <v>268</v>
      </c>
      <c r="E31" s="265"/>
    </row>
    <row r="32" spans="1:5" s="164" customFormat="1">
      <c r="A32" s="262"/>
      <c r="B32" s="176">
        <v>13</v>
      </c>
      <c r="C32" s="177" t="s">
        <v>542</v>
      </c>
      <c r="D32" s="266" t="s">
        <v>268</v>
      </c>
      <c r="E32" s="175"/>
    </row>
    <row r="33" spans="1:5" s="164" customFormat="1">
      <c r="A33" s="267"/>
      <c r="B33" s="178">
        <v>14</v>
      </c>
      <c r="C33" s="179" t="s">
        <v>543</v>
      </c>
      <c r="D33" s="268" t="s">
        <v>268</v>
      </c>
      <c r="E33" s="180"/>
    </row>
    <row r="34" spans="1:5" s="164" customFormat="1">
      <c r="A34" s="269" t="s">
        <v>544</v>
      </c>
      <c r="B34" s="181"/>
      <c r="C34" s="182"/>
      <c r="D34" s="181"/>
      <c r="E34" s="185"/>
    </row>
    <row r="35" spans="1:5" s="164" customFormat="1">
      <c r="A35" s="262"/>
      <c r="B35" s="183">
        <v>1</v>
      </c>
      <c r="C35" s="171" t="s">
        <v>545</v>
      </c>
      <c r="D35" s="270" t="s">
        <v>268</v>
      </c>
      <c r="E35" s="172"/>
    </row>
    <row r="36" spans="1:5" s="164" customFormat="1">
      <c r="A36" s="262"/>
      <c r="B36" s="176">
        <v>2</v>
      </c>
      <c r="C36" s="177" t="s">
        <v>546</v>
      </c>
      <c r="D36" s="266" t="s">
        <v>268</v>
      </c>
      <c r="E36" s="175"/>
    </row>
    <row r="37" spans="1:5" s="164" customFormat="1">
      <c r="A37" s="262"/>
      <c r="B37" s="176">
        <v>3</v>
      </c>
      <c r="C37" s="177" t="s">
        <v>547</v>
      </c>
      <c r="D37" s="266" t="s">
        <v>268</v>
      </c>
      <c r="E37" s="175"/>
    </row>
    <row r="38" spans="1:5" s="164" customFormat="1" ht="24.75">
      <c r="A38" s="262"/>
      <c r="B38" s="176">
        <v>4</v>
      </c>
      <c r="C38" s="177" t="s">
        <v>471</v>
      </c>
      <c r="D38" s="266" t="s">
        <v>268</v>
      </c>
      <c r="E38" s="175"/>
    </row>
    <row r="39" spans="1:5" s="164" customFormat="1">
      <c r="A39" s="262"/>
      <c r="B39" s="176">
        <v>5</v>
      </c>
      <c r="C39" s="177" t="s">
        <v>548</v>
      </c>
      <c r="D39" s="266" t="s">
        <v>268</v>
      </c>
      <c r="E39" s="175"/>
    </row>
    <row r="40" spans="1:5" s="164" customFormat="1">
      <c r="A40" s="262"/>
      <c r="B40" s="176">
        <v>6</v>
      </c>
      <c r="C40" s="177" t="s">
        <v>549</v>
      </c>
      <c r="D40" s="266" t="s">
        <v>268</v>
      </c>
      <c r="E40" s="175"/>
    </row>
    <row r="41" spans="1:5" s="164" customFormat="1">
      <c r="A41" s="262"/>
      <c r="B41" s="176">
        <v>7</v>
      </c>
      <c r="C41" s="177" t="s">
        <v>550</v>
      </c>
      <c r="D41" s="266" t="s">
        <v>268</v>
      </c>
      <c r="E41" s="175"/>
    </row>
    <row r="42" spans="1:5" s="164" customFormat="1">
      <c r="A42" s="262"/>
      <c r="B42" s="176">
        <v>8</v>
      </c>
      <c r="C42" s="177" t="s">
        <v>551</v>
      </c>
      <c r="D42" s="266" t="s">
        <v>268</v>
      </c>
      <c r="E42" s="175"/>
    </row>
    <row r="43" spans="1:5" s="164" customFormat="1">
      <c r="A43" s="262"/>
      <c r="B43" s="176">
        <v>9</v>
      </c>
      <c r="C43" s="263" t="s">
        <v>552</v>
      </c>
      <c r="D43" s="264" t="s">
        <v>268</v>
      </c>
      <c r="E43" s="265"/>
    </row>
    <row r="44" spans="1:5" s="164" customFormat="1">
      <c r="A44" s="262"/>
      <c r="B44" s="176">
        <v>10</v>
      </c>
      <c r="C44" s="263" t="s">
        <v>553</v>
      </c>
      <c r="D44" s="264" t="s">
        <v>268</v>
      </c>
      <c r="E44" s="265"/>
    </row>
    <row r="45" spans="1:5" s="164" customFormat="1">
      <c r="A45" s="262"/>
      <c r="B45" s="176">
        <v>11</v>
      </c>
      <c r="C45" s="263" t="s">
        <v>554</v>
      </c>
      <c r="D45" s="264" t="s">
        <v>268</v>
      </c>
      <c r="E45" s="265"/>
    </row>
    <row r="46" spans="1:5" s="164" customFormat="1">
      <c r="A46" s="262"/>
      <c r="B46" s="176">
        <v>12</v>
      </c>
      <c r="C46" s="263" t="s">
        <v>555</v>
      </c>
      <c r="D46" s="264" t="s">
        <v>268</v>
      </c>
      <c r="E46" s="265"/>
    </row>
    <row r="47" spans="1:5" s="164" customFormat="1" ht="24">
      <c r="A47" s="262"/>
      <c r="B47" s="176">
        <v>13</v>
      </c>
      <c r="C47" s="263" t="s">
        <v>556</v>
      </c>
      <c r="D47" s="264" t="s">
        <v>268</v>
      </c>
      <c r="E47" s="265"/>
    </row>
    <row r="48" spans="1:5" s="164" customFormat="1">
      <c r="A48" s="262"/>
      <c r="B48" s="176">
        <v>14</v>
      </c>
      <c r="C48" s="263" t="s">
        <v>557</v>
      </c>
      <c r="D48" s="264" t="s">
        <v>268</v>
      </c>
      <c r="E48" s="265"/>
    </row>
    <row r="49" spans="1:5" s="164" customFormat="1" ht="24.75">
      <c r="A49" s="262"/>
      <c r="B49" s="176">
        <v>15</v>
      </c>
      <c r="C49" s="263" t="s">
        <v>558</v>
      </c>
      <c r="D49" s="264" t="s">
        <v>268</v>
      </c>
      <c r="E49" s="265"/>
    </row>
    <row r="50" spans="1:5" s="164" customFormat="1">
      <c r="A50" s="262"/>
      <c r="B50" s="176">
        <v>16</v>
      </c>
      <c r="C50" s="177" t="s">
        <v>559</v>
      </c>
      <c r="D50" s="266" t="s">
        <v>268</v>
      </c>
      <c r="E50" s="265"/>
    </row>
    <row r="51" spans="1:5" s="164" customFormat="1" ht="12.75" customHeight="1">
      <c r="A51" s="262"/>
      <c r="B51" s="176">
        <v>17</v>
      </c>
      <c r="C51" s="177" t="s">
        <v>560</v>
      </c>
      <c r="D51" s="266" t="s">
        <v>268</v>
      </c>
      <c r="E51" s="265"/>
    </row>
    <row r="52" spans="1:5" s="164" customFormat="1">
      <c r="A52" s="262"/>
      <c r="B52" s="176">
        <v>18</v>
      </c>
      <c r="C52" s="177" t="s">
        <v>561</v>
      </c>
      <c r="D52" s="266" t="s">
        <v>268</v>
      </c>
      <c r="E52" s="265"/>
    </row>
    <row r="53" spans="1:5" s="164" customFormat="1">
      <c r="A53" s="262"/>
      <c r="B53" s="176">
        <v>19</v>
      </c>
      <c r="C53" s="177" t="s">
        <v>562</v>
      </c>
      <c r="D53" s="266" t="s">
        <v>268</v>
      </c>
      <c r="E53" s="265"/>
    </row>
    <row r="54" spans="1:5" s="164" customFormat="1">
      <c r="A54" s="262"/>
      <c r="B54" s="176">
        <v>20</v>
      </c>
      <c r="C54" s="177" t="s">
        <v>563</v>
      </c>
      <c r="D54" s="266" t="s">
        <v>564</v>
      </c>
      <c r="E54" s="265"/>
    </row>
    <row r="55" spans="1:5" s="164" customFormat="1" ht="27.75" customHeight="1">
      <c r="A55" s="262"/>
      <c r="B55" s="176">
        <v>21</v>
      </c>
      <c r="C55" s="177" t="s">
        <v>565</v>
      </c>
      <c r="D55" s="304" t="s">
        <v>601</v>
      </c>
      <c r="E55" s="305" t="s">
        <v>603</v>
      </c>
    </row>
    <row r="56" spans="1:5" s="164" customFormat="1">
      <c r="A56" s="267"/>
      <c r="B56" s="178">
        <v>22</v>
      </c>
      <c r="C56" s="180" t="s">
        <v>602</v>
      </c>
      <c r="D56" s="268" t="s">
        <v>268</v>
      </c>
      <c r="E56" s="180"/>
    </row>
    <row r="57" spans="1:5">
      <c r="A57" s="126" t="s">
        <v>467</v>
      </c>
      <c r="B57" s="149"/>
      <c r="C57" s="132"/>
      <c r="D57" s="149"/>
      <c r="E57" s="134"/>
    </row>
    <row r="58" spans="1:5">
      <c r="A58" s="120"/>
      <c r="B58" s="159">
        <v>1</v>
      </c>
      <c r="C58" s="134" t="s">
        <v>468</v>
      </c>
      <c r="D58" s="138" t="s">
        <v>268</v>
      </c>
      <c r="E58" s="147"/>
    </row>
    <row r="59" spans="1:5">
      <c r="B59" s="160"/>
      <c r="C59" s="135"/>
      <c r="D59" s="135"/>
      <c r="E59" s="135"/>
    </row>
    <row r="60" spans="1:5">
      <c r="B60" s="160"/>
      <c r="C60" s="135"/>
      <c r="D60" s="135"/>
      <c r="E60" s="135"/>
    </row>
  </sheetData>
  <sheetProtection password="E0C6" sheet="1" objects="1" scenarios="1"/>
  <mergeCells count="1">
    <mergeCell ref="B7:B8"/>
  </mergeCells>
  <phoneticPr fontId="5"/>
  <printOptions horizontalCentered="1"/>
  <pageMargins left="0.78740157480314965" right="0.78740157480314965" top="0.98425196850393704" bottom="0.78740157480314965" header="0.31496062992125984" footer="0.31496062992125984"/>
  <pageSetup paperSize="9" scale="86"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58"/>
  <sheetViews>
    <sheetView showGridLines="0" view="pageBreakPreview" zoomScaleNormal="85" zoomScaleSheetLayoutView="100" workbookViewId="0"/>
  </sheetViews>
  <sheetFormatPr defaultColWidth="1.5703125" defaultRowHeight="12.75"/>
  <cols>
    <col min="1" max="2" width="4.140625" style="164" customWidth="1"/>
    <col min="3" max="4" width="48.28515625" style="164" customWidth="1"/>
    <col min="5" max="16384" width="1.5703125" style="164"/>
  </cols>
  <sheetData>
    <row r="1" spans="1:4">
      <c r="A1" s="165"/>
      <c r="B1" s="165"/>
      <c r="C1" s="166"/>
      <c r="D1" s="128" t="s">
        <v>291</v>
      </c>
    </row>
    <row r="2" spans="1:4" ht="15.75">
      <c r="A2" s="75" t="s">
        <v>292</v>
      </c>
      <c r="B2" s="167"/>
      <c r="C2" s="166"/>
      <c r="D2" s="165"/>
    </row>
    <row r="3" spans="1:4">
      <c r="A3" s="165"/>
      <c r="B3" s="165"/>
      <c r="C3" s="166"/>
      <c r="D3" s="165"/>
    </row>
    <row r="4" spans="1:4" ht="13.5" thickBot="1">
      <c r="A4" s="168"/>
      <c r="B4" s="169" t="s">
        <v>347</v>
      </c>
      <c r="C4" s="170" t="s">
        <v>293</v>
      </c>
      <c r="D4" s="169" t="s">
        <v>294</v>
      </c>
    </row>
    <row r="5" spans="1:4" s="186" customFormat="1" ht="13.5" thickTop="1">
      <c r="A5" s="187" t="s">
        <v>295</v>
      </c>
      <c r="B5" s="188"/>
      <c r="C5" s="189"/>
      <c r="D5" s="190"/>
    </row>
    <row r="6" spans="1:4" s="186" customFormat="1">
      <c r="A6" s="191"/>
      <c r="B6" s="194">
        <v>1</v>
      </c>
      <c r="C6" s="171" t="s">
        <v>296</v>
      </c>
      <c r="D6" s="172" t="s">
        <v>283</v>
      </c>
    </row>
    <row r="7" spans="1:4" s="186" customFormat="1">
      <c r="A7" s="191"/>
      <c r="B7" s="173">
        <v>2</v>
      </c>
      <c r="C7" s="174" t="s">
        <v>321</v>
      </c>
      <c r="D7" s="175" t="s">
        <v>283</v>
      </c>
    </row>
    <row r="8" spans="1:4" s="186" customFormat="1">
      <c r="A8" s="191"/>
      <c r="B8" s="176">
        <v>3</v>
      </c>
      <c r="C8" s="177" t="s">
        <v>322</v>
      </c>
      <c r="D8" s="175" t="s">
        <v>284</v>
      </c>
    </row>
    <row r="9" spans="1:4" s="186" customFormat="1">
      <c r="A9" s="191"/>
      <c r="B9" s="176">
        <v>4</v>
      </c>
      <c r="C9" s="177" t="s">
        <v>323</v>
      </c>
      <c r="D9" s="175" t="s">
        <v>285</v>
      </c>
    </row>
    <row r="10" spans="1:4" s="186" customFormat="1" ht="38.25">
      <c r="A10" s="192"/>
      <c r="B10" s="178">
        <v>5</v>
      </c>
      <c r="C10" s="179" t="s">
        <v>324</v>
      </c>
      <c r="D10" s="180" t="s">
        <v>286</v>
      </c>
    </row>
    <row r="11" spans="1:4" s="186" customFormat="1">
      <c r="A11" s="187" t="s">
        <v>297</v>
      </c>
      <c r="B11" s="181"/>
      <c r="C11" s="182"/>
      <c r="D11" s="185"/>
    </row>
    <row r="12" spans="1:4" s="186" customFormat="1">
      <c r="A12" s="191"/>
      <c r="B12" s="183">
        <v>1</v>
      </c>
      <c r="C12" s="171" t="s">
        <v>298</v>
      </c>
      <c r="D12" s="172" t="s">
        <v>325</v>
      </c>
    </row>
    <row r="13" spans="1:4" s="186" customFormat="1" ht="25.5">
      <c r="A13" s="191"/>
      <c r="B13" s="176">
        <v>2</v>
      </c>
      <c r="C13" s="177" t="s">
        <v>299</v>
      </c>
      <c r="D13" s="175" t="s">
        <v>287</v>
      </c>
    </row>
    <row r="14" spans="1:4" s="186" customFormat="1">
      <c r="A14" s="192"/>
      <c r="B14" s="178">
        <v>3</v>
      </c>
      <c r="C14" s="179" t="s">
        <v>300</v>
      </c>
      <c r="D14" s="180" t="s">
        <v>283</v>
      </c>
    </row>
    <row r="15" spans="1:4" s="186" customFormat="1">
      <c r="A15" s="187" t="s">
        <v>326</v>
      </c>
      <c r="B15" s="181"/>
      <c r="C15" s="182"/>
      <c r="D15" s="185"/>
    </row>
    <row r="16" spans="1:4" s="186" customFormat="1">
      <c r="A16" s="191"/>
      <c r="B16" s="183">
        <v>1</v>
      </c>
      <c r="C16" s="171" t="s">
        <v>327</v>
      </c>
      <c r="D16" s="171" t="s">
        <v>301</v>
      </c>
    </row>
    <row r="17" spans="1:4" s="186" customFormat="1">
      <c r="A17" s="191"/>
      <c r="B17" s="176">
        <v>2</v>
      </c>
      <c r="C17" s="177" t="s">
        <v>302</v>
      </c>
      <c r="D17" s="177" t="s">
        <v>469</v>
      </c>
    </row>
    <row r="18" spans="1:4" s="186" customFormat="1" ht="24.75">
      <c r="A18" s="191"/>
      <c r="B18" s="176">
        <v>3</v>
      </c>
      <c r="C18" s="177" t="s">
        <v>328</v>
      </c>
      <c r="D18" s="177" t="s">
        <v>470</v>
      </c>
    </row>
    <row r="19" spans="1:4" s="186" customFormat="1">
      <c r="A19" s="191"/>
      <c r="B19" s="176">
        <v>4</v>
      </c>
      <c r="C19" s="177" t="s">
        <v>303</v>
      </c>
      <c r="D19" s="177" t="s">
        <v>470</v>
      </c>
    </row>
    <row r="20" spans="1:4" s="186" customFormat="1">
      <c r="A20" s="191"/>
      <c r="B20" s="176">
        <v>5</v>
      </c>
      <c r="C20" s="177" t="s">
        <v>304</v>
      </c>
      <c r="D20" s="177" t="s">
        <v>288</v>
      </c>
    </row>
    <row r="21" spans="1:4" s="186" customFormat="1">
      <c r="A21" s="191"/>
      <c r="B21" s="176">
        <v>6</v>
      </c>
      <c r="C21" s="177" t="s">
        <v>305</v>
      </c>
      <c r="D21" s="177" t="s">
        <v>329</v>
      </c>
    </row>
    <row r="22" spans="1:4" s="186" customFormat="1">
      <c r="A22" s="191"/>
      <c r="B22" s="176">
        <v>7</v>
      </c>
      <c r="C22" s="177" t="s">
        <v>330</v>
      </c>
      <c r="D22" s="177" t="s">
        <v>289</v>
      </c>
    </row>
    <row r="23" spans="1:4" s="186" customFormat="1" ht="24.75">
      <c r="A23" s="191"/>
      <c r="B23" s="176">
        <v>8</v>
      </c>
      <c r="C23" s="177" t="s">
        <v>331</v>
      </c>
      <c r="D23" s="177" t="s">
        <v>301</v>
      </c>
    </row>
    <row r="24" spans="1:4" s="186" customFormat="1">
      <c r="A24" s="191"/>
      <c r="B24" s="176">
        <v>9</v>
      </c>
      <c r="C24" s="177" t="s">
        <v>332</v>
      </c>
      <c r="D24" s="177" t="s">
        <v>566</v>
      </c>
    </row>
    <row r="25" spans="1:4" s="186" customFormat="1">
      <c r="A25" s="191"/>
      <c r="B25" s="176">
        <v>10</v>
      </c>
      <c r="C25" s="177" t="s">
        <v>306</v>
      </c>
      <c r="D25" s="177" t="s">
        <v>333</v>
      </c>
    </row>
    <row r="26" spans="1:4" s="186" customFormat="1">
      <c r="A26" s="191"/>
      <c r="B26" s="176">
        <v>11</v>
      </c>
      <c r="C26" s="177" t="s">
        <v>307</v>
      </c>
      <c r="D26" s="177" t="s">
        <v>289</v>
      </c>
    </row>
    <row r="27" spans="1:4" s="186" customFormat="1">
      <c r="A27" s="191"/>
      <c r="B27" s="176">
        <v>12</v>
      </c>
      <c r="C27" s="177" t="s">
        <v>308</v>
      </c>
      <c r="D27" s="177" t="s">
        <v>477</v>
      </c>
    </row>
    <row r="28" spans="1:4" s="186" customFormat="1">
      <c r="A28" s="191"/>
      <c r="B28" s="176">
        <v>13</v>
      </c>
      <c r="C28" s="177" t="s">
        <v>309</v>
      </c>
      <c r="D28" s="177" t="s">
        <v>477</v>
      </c>
    </row>
    <row r="29" spans="1:4" s="186" customFormat="1">
      <c r="A29" s="192"/>
      <c r="B29" s="178">
        <v>14</v>
      </c>
      <c r="C29" s="179" t="s">
        <v>334</v>
      </c>
      <c r="D29" s="179" t="s">
        <v>335</v>
      </c>
    </row>
    <row r="30" spans="1:4" s="186" customFormat="1">
      <c r="A30" s="187" t="s">
        <v>336</v>
      </c>
      <c r="B30" s="181"/>
      <c r="C30" s="182"/>
      <c r="D30" s="185"/>
    </row>
    <row r="31" spans="1:4" s="186" customFormat="1">
      <c r="A31" s="191"/>
      <c r="B31" s="183">
        <v>1</v>
      </c>
      <c r="C31" s="171" t="s">
        <v>310</v>
      </c>
      <c r="D31" s="171" t="s">
        <v>1</v>
      </c>
    </row>
    <row r="32" spans="1:4" s="186" customFormat="1">
      <c r="A32" s="191"/>
      <c r="B32" s="176">
        <v>2</v>
      </c>
      <c r="C32" s="177" t="s">
        <v>311</v>
      </c>
      <c r="D32" s="177" t="s">
        <v>289</v>
      </c>
    </row>
    <row r="33" spans="1:4" s="186" customFormat="1">
      <c r="A33" s="191"/>
      <c r="B33" s="176">
        <v>3</v>
      </c>
      <c r="C33" s="177" t="s">
        <v>312</v>
      </c>
      <c r="D33" s="177" t="s">
        <v>1</v>
      </c>
    </row>
    <row r="34" spans="1:4" s="186" customFormat="1" ht="25.5">
      <c r="A34" s="191"/>
      <c r="B34" s="176">
        <v>4</v>
      </c>
      <c r="C34" s="177" t="s">
        <v>567</v>
      </c>
      <c r="D34" s="177" t="s">
        <v>472</v>
      </c>
    </row>
    <row r="35" spans="1:4" s="186" customFormat="1" ht="36">
      <c r="A35" s="191"/>
      <c r="B35" s="176">
        <v>5</v>
      </c>
      <c r="C35" s="177" t="s">
        <v>313</v>
      </c>
      <c r="D35" s="195" t="s">
        <v>473</v>
      </c>
    </row>
    <row r="36" spans="1:4" s="186" customFormat="1">
      <c r="A36" s="191"/>
      <c r="B36" s="176">
        <v>6</v>
      </c>
      <c r="C36" s="177" t="s">
        <v>337</v>
      </c>
      <c r="D36" s="177" t="s">
        <v>338</v>
      </c>
    </row>
    <row r="37" spans="1:4" s="186" customFormat="1">
      <c r="A37" s="191"/>
      <c r="B37" s="176">
        <v>7</v>
      </c>
      <c r="C37" s="177" t="s">
        <v>339</v>
      </c>
      <c r="D37" s="177" t="s">
        <v>290</v>
      </c>
    </row>
    <row r="38" spans="1:4" s="186" customFormat="1" ht="26.25" customHeight="1">
      <c r="A38" s="191"/>
      <c r="B38" s="176">
        <v>8</v>
      </c>
      <c r="C38" s="177" t="s">
        <v>314</v>
      </c>
      <c r="D38" s="177" t="s">
        <v>340</v>
      </c>
    </row>
    <row r="39" spans="1:4" s="186" customFormat="1">
      <c r="A39" s="191"/>
      <c r="B39" s="176">
        <v>9</v>
      </c>
      <c r="C39" s="177" t="s">
        <v>315</v>
      </c>
      <c r="D39" s="177" t="s">
        <v>341</v>
      </c>
    </row>
    <row r="40" spans="1:4" s="186" customFormat="1">
      <c r="A40" s="191"/>
      <c r="B40" s="176">
        <v>10</v>
      </c>
      <c r="C40" s="177" t="s">
        <v>568</v>
      </c>
      <c r="D40" s="177" t="s">
        <v>289</v>
      </c>
    </row>
    <row r="41" spans="1:4" s="186" customFormat="1">
      <c r="A41" s="191"/>
      <c r="B41" s="176">
        <v>11</v>
      </c>
      <c r="C41" s="177" t="s">
        <v>316</v>
      </c>
      <c r="D41" s="177" t="s">
        <v>477</v>
      </c>
    </row>
    <row r="42" spans="1:4" s="186" customFormat="1">
      <c r="A42" s="191"/>
      <c r="B42" s="176">
        <v>12</v>
      </c>
      <c r="C42" s="177" t="s">
        <v>569</v>
      </c>
      <c r="D42" s="177" t="s">
        <v>477</v>
      </c>
    </row>
    <row r="43" spans="1:4" s="186" customFormat="1" ht="24">
      <c r="A43" s="191"/>
      <c r="B43" s="176">
        <v>13</v>
      </c>
      <c r="C43" s="195" t="s">
        <v>474</v>
      </c>
      <c r="D43" s="177" t="s">
        <v>477</v>
      </c>
    </row>
    <row r="44" spans="1:4" s="186" customFormat="1">
      <c r="A44" s="191"/>
      <c r="B44" s="176">
        <v>14</v>
      </c>
      <c r="C44" s="177" t="s">
        <v>342</v>
      </c>
      <c r="D44" s="177" t="s">
        <v>289</v>
      </c>
    </row>
    <row r="45" spans="1:4" s="186" customFormat="1" ht="24.75">
      <c r="A45" s="191"/>
      <c r="B45" s="176">
        <v>15</v>
      </c>
      <c r="C45" s="195" t="s">
        <v>475</v>
      </c>
      <c r="D45" s="177" t="s">
        <v>343</v>
      </c>
    </row>
    <row r="46" spans="1:4" s="186" customFormat="1">
      <c r="A46" s="191"/>
      <c r="B46" s="176">
        <v>16</v>
      </c>
      <c r="C46" s="177" t="s">
        <v>317</v>
      </c>
      <c r="D46" s="177" t="s">
        <v>570</v>
      </c>
    </row>
    <row r="47" spans="1:4" s="186" customFormat="1">
      <c r="A47" s="191"/>
      <c r="B47" s="176">
        <v>17</v>
      </c>
      <c r="C47" s="177" t="s">
        <v>476</v>
      </c>
      <c r="D47" s="177" t="s">
        <v>344</v>
      </c>
    </row>
    <row r="48" spans="1:4" s="186" customFormat="1">
      <c r="A48" s="191"/>
      <c r="B48" s="176">
        <v>18</v>
      </c>
      <c r="C48" s="177" t="s">
        <v>571</v>
      </c>
      <c r="D48" s="177" t="s">
        <v>348</v>
      </c>
    </row>
    <row r="49" spans="1:4" s="186" customFormat="1">
      <c r="A49" s="191"/>
      <c r="B49" s="176">
        <v>19</v>
      </c>
      <c r="C49" s="177" t="s">
        <v>572</v>
      </c>
      <c r="D49" s="177" t="s">
        <v>348</v>
      </c>
    </row>
    <row r="50" spans="1:4" s="186" customFormat="1">
      <c r="A50" s="191"/>
      <c r="B50" s="176">
        <v>20</v>
      </c>
      <c r="C50" s="177" t="s">
        <v>573</v>
      </c>
      <c r="D50" s="177" t="s">
        <v>345</v>
      </c>
    </row>
    <row r="51" spans="1:4" s="186" customFormat="1">
      <c r="A51" s="192"/>
      <c r="B51" s="178">
        <v>21</v>
      </c>
      <c r="C51" s="193" t="s">
        <v>318</v>
      </c>
      <c r="D51" s="179" t="s">
        <v>574</v>
      </c>
    </row>
    <row r="52" spans="1:4" s="186" customFormat="1">
      <c r="A52" s="187" t="s">
        <v>319</v>
      </c>
      <c r="B52" s="181"/>
      <c r="C52" s="182"/>
      <c r="D52" s="185"/>
    </row>
    <row r="53" spans="1:4" s="186" customFormat="1">
      <c r="A53" s="192"/>
      <c r="B53" s="184">
        <v>1</v>
      </c>
      <c r="C53" s="185" t="s">
        <v>346</v>
      </c>
      <c r="D53" s="185" t="s">
        <v>320</v>
      </c>
    </row>
    <row r="54" spans="1:4" s="186" customFormat="1"/>
    <row r="55" spans="1:4" s="186" customFormat="1">
      <c r="A55" s="186" t="s">
        <v>577</v>
      </c>
    </row>
    <row r="56" spans="1:4" s="186" customFormat="1"/>
    <row r="57" spans="1:4" s="186" customFormat="1"/>
    <row r="58" spans="1:4" s="186" customFormat="1"/>
  </sheetData>
  <sheetProtection password="E0C6" sheet="1" objects="1" scenarios="1"/>
  <phoneticPr fontId="5"/>
  <printOptions horizontalCentered="1"/>
  <pageMargins left="0.78740157480314965" right="0.78740157480314965" top="0.98425196850393704" bottom="0.78740157480314965" header="0.31496062992125984" footer="0.31496062992125984"/>
  <pageSetup paperSize="9" scale="9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10</vt:i4>
      </vt:variant>
    </vt:vector>
  </HeadingPairs>
  <TitlesOfParts>
    <vt:vector size="17" baseType="lpstr">
      <vt:lpstr>Note</vt:lpstr>
      <vt:lpstr>A.RoHS</vt:lpstr>
      <vt:lpstr>B.Others</vt:lpstr>
      <vt:lpstr>A (appendix). RoHS</vt:lpstr>
      <vt:lpstr>B (appendix). Others</vt:lpstr>
      <vt:lpstr>Revision Point</vt:lpstr>
      <vt:lpstr>Reference Reg.</vt:lpstr>
      <vt:lpstr>A.RoHS!Print_Area</vt:lpstr>
      <vt:lpstr>'B (appendix). Others'!Print_Area</vt:lpstr>
      <vt:lpstr>B.Others!Print_Area</vt:lpstr>
      <vt:lpstr>Note!Print_Area</vt:lpstr>
      <vt:lpstr>'Reference Reg.'!Print_Area</vt:lpstr>
      <vt:lpstr>'Revision Point'!Print_Area</vt:lpstr>
      <vt:lpstr>'A (appendix). RoHS'!Print_Titles</vt:lpstr>
      <vt:lpstr>A.RoHS!Print_Titles</vt:lpstr>
      <vt:lpstr>'B (appendix). Others'!Print_Titles</vt:lpstr>
      <vt:lpstr>B.Others!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安田剛郎/主事</dc:creator>
  <cp:lastModifiedBy>Administrator</cp:lastModifiedBy>
  <cp:lastPrinted>2018-06-25T06:07:19Z</cp:lastPrinted>
  <dcterms:created xsi:type="dcterms:W3CDTF">2014-03-28T07:32:07Z</dcterms:created>
  <dcterms:modified xsi:type="dcterms:W3CDTF">2018-06-25T06:07:55Z</dcterms:modified>
</cp:coreProperties>
</file>